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5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7176488\Downloads\"/>
    </mc:Choice>
  </mc:AlternateContent>
  <xr:revisionPtr revIDLastSave="0" documentId="13_ncr:1_{03DB989C-C1D8-4B63-BAC1-37848993A07C}" xr6:coauthVersionLast="45" xr6:coauthVersionMax="45" xr10:uidLastSave="{00000000-0000-0000-0000-000000000000}"/>
  <bookViews>
    <workbookView xWindow="-120" yWindow="-120" windowWidth="29040" windowHeight="15840" xr2:uid="{5127B892-15E5-49EB-B58E-41110130E396}"/>
  </bookViews>
  <sheets>
    <sheet name="Hoja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43" uniqueCount="43">
  <si>
    <t xml:space="preserve">       SOLICITUD DE CERTIFICADOS Y/O CONSTANCIAS</t>
  </si>
  <si>
    <r>
      <rPr>
        <sz val="9"/>
        <rFont val="Arial Nova Light"/>
        <family val="2"/>
      </rPr>
      <t>Espacio exclusivo de Registro y Control Académico</t>
    </r>
    <r>
      <rPr>
        <sz val="9"/>
        <color theme="0" tint="-0.499984740745262"/>
        <rFont val="Arial Nova Light"/>
        <family val="2"/>
      </rPr>
      <t xml:space="preserve">
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Dia de entreg</t>
    </r>
    <r>
      <rPr>
        <sz val="9"/>
        <color theme="0" tint="-0.34998626667073579"/>
        <rFont val="Arial Nova Light"/>
        <family val="2"/>
      </rPr>
      <t xml:space="preserve">a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</si>
  <si>
    <r>
      <t xml:space="preserve">FECHA DE SOLICITUD:    </t>
    </r>
    <r>
      <rPr>
        <sz val="9"/>
        <color theme="0" tint="-0.14999847407452621"/>
        <rFont val="Arial Nova Light"/>
        <family val="2"/>
      </rPr>
      <t>DD    MM  AAAA</t>
    </r>
  </si>
  <si>
    <t>NOMBRE ESTUDIANTE</t>
  </si>
  <si>
    <t>TELEFONO  CELULAR</t>
  </si>
  <si>
    <t>Lugar de expedición:</t>
  </si>
  <si>
    <r>
      <t xml:space="preserve">ESTUDIANTE: MATRICULADO                RETIRADO              GRADUADO              FECHA DE GRADO   </t>
    </r>
    <r>
      <rPr>
        <sz val="9"/>
        <color theme="0" tint="-0.249977111117893"/>
        <rFont val="Arial Nova Light"/>
        <family val="2"/>
      </rPr>
      <t>DD  MM AA</t>
    </r>
  </si>
  <si>
    <t>NOMBRE DE PROGRAMA</t>
  </si>
  <si>
    <t>MODALIDAD:   PRESENCIAL                             VIRTUAL</t>
  </si>
  <si>
    <t>JORNADA</t>
  </si>
  <si>
    <t>SEMESTRE QUE CURSA                                                                                    SEMESTRE QUE CURSÓ</t>
  </si>
  <si>
    <t>Item</t>
  </si>
  <si>
    <t>Tipo de Solicitud</t>
  </si>
  <si>
    <t>Marque con una X lo requerido</t>
  </si>
  <si>
    <t>Certificado estudiante matriculado</t>
  </si>
  <si>
    <t>Certificado con duración de carrera</t>
  </si>
  <si>
    <t>Certificado estudiante con horario de clases</t>
  </si>
  <si>
    <t>Certificado estudiante matriculado en CPG                      con horario</t>
  </si>
  <si>
    <t>Certificado semestres que cursó y aprobó (no contiene notas)</t>
  </si>
  <si>
    <t xml:space="preserve">Certificado de notas por semestre(señalar los semestres que requiere) </t>
  </si>
  <si>
    <t xml:space="preserve">Sem: </t>
  </si>
  <si>
    <t>Posgrado</t>
  </si>
  <si>
    <t>Certificado de notas por periodo académico</t>
  </si>
  <si>
    <t xml:space="preserve">Año                                 Periodo </t>
  </si>
  <si>
    <t>Certificado plan de estudios (relación de materias sin notas)</t>
  </si>
  <si>
    <t>Certificado buena conducta</t>
  </si>
  <si>
    <t>Certificado terminación de estudios (Graduado)</t>
  </si>
  <si>
    <t>Certificado de terminación de estudios (Grado pendiente)</t>
  </si>
  <si>
    <t>Certificado de subsidio en formulario de entidad</t>
  </si>
  <si>
    <t>Certificado de Prácticas</t>
  </si>
  <si>
    <t>Certificado Niveles de Ingles</t>
  </si>
  <si>
    <t>Duplicado:        Acta de Grado                    Diploma de Grado                    Diplomado de CPG</t>
  </si>
  <si>
    <t>Contenidos programáticos</t>
  </si>
  <si>
    <t>Constancia valor de matrícula</t>
  </si>
  <si>
    <t>VALOR A PAGAR _____________________________________________________________________</t>
  </si>
  <si>
    <r>
      <rPr>
        <b/>
        <sz val="8"/>
        <color theme="1"/>
        <rFont val="Arial Nova Light"/>
        <family val="2"/>
      </rPr>
      <t>Importante:</t>
    </r>
    <r>
      <rPr>
        <sz val="8"/>
        <color theme="1"/>
        <rFont val="Arial Nova Light"/>
        <family val="2"/>
      </rPr>
      <t xml:space="preserve"> Debe retirar los certificados antes de 6 meses a partir de la fecha de su solicitud, después de este tiempo tendrá que realizar nuevamente la solicitud y pago.</t>
    </r>
  </si>
  <si>
    <t>x</t>
  </si>
  <si>
    <t>Ricardo Martinez Fajardo</t>
  </si>
  <si>
    <t>No. DE DOCUMENTO____80730573__________ C.C._X__T.I.____C.E.____</t>
  </si>
  <si>
    <t>BOGOTA</t>
  </si>
  <si>
    <t>PUBLICIDAD</t>
  </si>
  <si>
    <t>CÓDIGO ESTUDIANTIL 64131544</t>
  </si>
  <si>
    <t>OBSERVACIONES Agradezco su ayuda indicnado creditos aprobados tambien si es posible muchas gracia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4" x14ac:knownFonts="1">
    <font>
      <sz val="11"/>
      <color theme="1"/>
      <name val="Calibri"/>
      <family val="2"/>
      <scheme val="minor"/>
    </font>
    <font>
      <sz val="9"/>
      <color theme="1"/>
      <name val="Arial Nova Light"/>
      <family val="2"/>
    </font>
    <font>
      <b/>
      <sz val="11"/>
      <color rgb="FF003757"/>
      <name val="Arial Nova Light"/>
      <family val="2"/>
    </font>
    <font>
      <b/>
      <sz val="10"/>
      <color rgb="FF003757"/>
      <name val="Arial Nova Light"/>
      <family val="2"/>
    </font>
    <font>
      <sz val="9"/>
      <color theme="0" tint="-0.34998626667073579"/>
      <name val="Arial Nova Light"/>
      <family val="2"/>
    </font>
    <font>
      <sz val="9"/>
      <name val="Arial Nova Light"/>
      <family val="2"/>
    </font>
    <font>
      <sz val="9"/>
      <color theme="0" tint="-0.499984740745262"/>
      <name val="Arial Nova Light"/>
      <family val="2"/>
    </font>
    <font>
      <sz val="9"/>
      <color theme="0" tint="-0.14999847407452621"/>
      <name val="Arial Nova Light"/>
      <family val="2"/>
    </font>
    <font>
      <sz val="10"/>
      <color theme="1"/>
      <name val="Arial Nova Light"/>
      <family val="2"/>
    </font>
    <font>
      <sz val="9"/>
      <color theme="0" tint="-0.249977111117893"/>
      <name val="Arial Nova Light"/>
      <family val="2"/>
    </font>
    <font>
      <b/>
      <sz val="9"/>
      <color theme="1"/>
      <name val="Arial Nova Light"/>
      <family val="2"/>
    </font>
    <font>
      <sz val="9"/>
      <color rgb="FF000000"/>
      <name val="Arial Nova Light"/>
      <family val="2"/>
    </font>
    <font>
      <sz val="8"/>
      <color theme="1"/>
      <name val="Arial Nova Light"/>
      <family val="2"/>
    </font>
    <font>
      <b/>
      <sz val="8"/>
      <color theme="1"/>
      <name val="Arial Nova Light"/>
      <family val="2"/>
    </font>
  </fonts>
  <fills count="2">
    <fill>
      <patternFill patternType="none"/>
    </fill>
    <fill>
      <patternFill patternType="gray125"/>
    </fill>
  </fills>
  <borders count="37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auto="1"/>
      </bottom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94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4" xfId="0" applyFont="1" applyBorder="1" applyAlignment="1">
      <alignment vertical="center"/>
    </xf>
    <xf numFmtId="0" fontId="1" fillId="0" borderId="5" xfId="0" applyFont="1" applyBorder="1"/>
    <xf numFmtId="0" fontId="1" fillId="0" borderId="4" xfId="0" applyFont="1" applyBorder="1"/>
    <xf numFmtId="0" fontId="1" fillId="0" borderId="9" xfId="0" applyFont="1" applyBorder="1" applyAlignment="1">
      <alignment vertical="center" wrapText="1"/>
    </xf>
    <xf numFmtId="0" fontId="8" fillId="0" borderId="6" xfId="0" applyFont="1" applyBorder="1" applyAlignment="1">
      <alignment vertical="center" wrapText="1"/>
    </xf>
    <xf numFmtId="0" fontId="1" fillId="0" borderId="7" xfId="0" applyFont="1" applyBorder="1" applyAlignment="1">
      <alignment vertical="center"/>
    </xf>
    <xf numFmtId="0" fontId="1" fillId="0" borderId="8" xfId="0" applyFont="1" applyBorder="1" applyAlignment="1">
      <alignment vertical="center"/>
    </xf>
    <xf numFmtId="0" fontId="1" fillId="0" borderId="7" xfId="0" applyFont="1" applyBorder="1"/>
    <xf numFmtId="0" fontId="1" fillId="0" borderId="8" xfId="0" applyFont="1" applyBorder="1"/>
    <xf numFmtId="0" fontId="10" fillId="0" borderId="13" xfId="0" applyFont="1" applyBorder="1" applyAlignment="1">
      <alignment horizontal="center" vertical="center"/>
    </xf>
    <xf numFmtId="0" fontId="8" fillId="0" borderId="16" xfId="0" applyFont="1" applyBorder="1" applyAlignment="1">
      <alignment horizontal="center" vertical="center"/>
    </xf>
    <xf numFmtId="0" fontId="1" fillId="0" borderId="0" xfId="0" applyFont="1" applyAlignment="1">
      <alignment vertical="center"/>
    </xf>
    <xf numFmtId="0" fontId="8" fillId="0" borderId="22" xfId="0" applyFont="1" applyBorder="1" applyAlignment="1">
      <alignment horizontal="center" vertical="center"/>
    </xf>
    <xf numFmtId="0" fontId="8" fillId="0" borderId="32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17" xfId="0" applyFont="1" applyBorder="1" applyAlignment="1">
      <alignment vertical="center"/>
    </xf>
    <xf numFmtId="0" fontId="8" fillId="0" borderId="18" xfId="0" applyFont="1" applyBorder="1" applyAlignment="1">
      <alignment vertical="center"/>
    </xf>
    <xf numFmtId="0" fontId="8" fillId="0" borderId="17" xfId="0" applyFont="1" applyBorder="1" applyAlignment="1">
      <alignment horizontal="center"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/>
    </xf>
    <xf numFmtId="0" fontId="10" fillId="0" borderId="0" xfId="0" applyFont="1" applyAlignment="1">
      <alignment vertical="top"/>
    </xf>
    <xf numFmtId="0" fontId="1" fillId="0" borderId="0" xfId="0" applyFont="1" applyAlignment="1">
      <alignment vertical="top"/>
    </xf>
    <xf numFmtId="0" fontId="1" fillId="0" borderId="0" xfId="0" applyFont="1" applyBorder="1"/>
    <xf numFmtId="0" fontId="8" fillId="0" borderId="28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1" fillId="0" borderId="9" xfId="0" applyFont="1" applyBorder="1" applyAlignment="1">
      <alignment horizontal="left" vertical="center"/>
    </xf>
    <xf numFmtId="0" fontId="1" fillId="0" borderId="5" xfId="0" applyFont="1" applyBorder="1" applyAlignment="1">
      <alignment horizontal="left" vertical="center"/>
    </xf>
    <xf numFmtId="0" fontId="1" fillId="0" borderId="4" xfId="0" applyFont="1" applyBorder="1" applyAlignment="1">
      <alignment horizontal="left" vertical="center"/>
    </xf>
    <xf numFmtId="0" fontId="2" fillId="0" borderId="0" xfId="0" applyFont="1" applyAlignment="1">
      <alignment horizontal="center" vertical="center"/>
    </xf>
    <xf numFmtId="0" fontId="4" fillId="0" borderId="1" xfId="0" applyFont="1" applyBorder="1" applyAlignment="1">
      <alignment vertical="center" wrapText="1"/>
    </xf>
    <xf numFmtId="0" fontId="4" fillId="0" borderId="2" xfId="0" applyFont="1" applyBorder="1" applyAlignment="1">
      <alignment vertical="center" wrapText="1"/>
    </xf>
    <xf numFmtId="0" fontId="4" fillId="0" borderId="2" xfId="0" applyFont="1" applyBorder="1" applyAlignment="1">
      <alignment vertical="center"/>
    </xf>
    <xf numFmtId="0" fontId="4" fillId="0" borderId="3" xfId="0" applyFont="1" applyBorder="1" applyAlignment="1">
      <alignment vertical="center"/>
    </xf>
    <xf numFmtId="0" fontId="1" fillId="0" borderId="6" xfId="0" applyFont="1" applyBorder="1" applyAlignment="1">
      <alignment horizontal="left" vertical="center" wrapText="1"/>
    </xf>
    <xf numFmtId="0" fontId="1" fillId="0" borderId="7" xfId="0" applyFont="1" applyBorder="1" applyAlignment="1">
      <alignment horizontal="left" vertical="center" wrapText="1"/>
    </xf>
    <xf numFmtId="0" fontId="1" fillId="0" borderId="7" xfId="0" applyFont="1" applyBorder="1" applyAlignment="1">
      <alignment horizontal="center"/>
    </xf>
    <xf numFmtId="0" fontId="1" fillId="0" borderId="8" xfId="0" applyFont="1" applyBorder="1" applyAlignment="1">
      <alignment horizontal="center"/>
    </xf>
    <xf numFmtId="0" fontId="1" fillId="0" borderId="5" xfId="0" applyFont="1" applyBorder="1" applyAlignment="1">
      <alignment horizontal="center"/>
    </xf>
    <xf numFmtId="0" fontId="1" fillId="0" borderId="4" xfId="0" applyFont="1" applyBorder="1" applyAlignment="1">
      <alignment horizontal="center"/>
    </xf>
    <xf numFmtId="0" fontId="1" fillId="0" borderId="6" xfId="0" applyFont="1" applyBorder="1" applyAlignment="1">
      <alignment horizontal="left"/>
    </xf>
    <xf numFmtId="0" fontId="1" fillId="0" borderId="7" xfId="0" applyFont="1" applyBorder="1" applyAlignment="1">
      <alignment horizontal="left"/>
    </xf>
    <xf numFmtId="0" fontId="1" fillId="0" borderId="6" xfId="0" applyFont="1" applyBorder="1" applyAlignment="1">
      <alignment horizontal="left" vertical="center"/>
    </xf>
    <xf numFmtId="0" fontId="1" fillId="0" borderId="7" xfId="0" applyFont="1" applyBorder="1" applyAlignment="1">
      <alignment horizontal="left" vertical="center"/>
    </xf>
    <xf numFmtId="0" fontId="1" fillId="0" borderId="10" xfId="0" applyFont="1" applyBorder="1" applyAlignment="1">
      <alignment horizontal="left" vertical="center"/>
    </xf>
    <xf numFmtId="0" fontId="1" fillId="0" borderId="11" xfId="0" applyFont="1" applyBorder="1" applyAlignment="1">
      <alignment horizontal="left" vertical="center"/>
    </xf>
    <xf numFmtId="0" fontId="1" fillId="0" borderId="6" xfId="0" applyFont="1" applyBorder="1" applyAlignment="1">
      <alignment vertical="center" wrapText="1"/>
    </xf>
    <xf numFmtId="0" fontId="1" fillId="0" borderId="7" xfId="0" applyFont="1" applyBorder="1" applyAlignment="1">
      <alignment vertical="center" wrapText="1"/>
    </xf>
    <xf numFmtId="0" fontId="1" fillId="0" borderId="12" xfId="0" applyFont="1" applyBorder="1" applyAlignment="1">
      <alignment horizontal="center"/>
    </xf>
    <xf numFmtId="0" fontId="1" fillId="0" borderId="12" xfId="0" applyFont="1" applyBorder="1" applyAlignment="1">
      <alignment horizontal="left" vertical="center" wrapText="1"/>
    </xf>
    <xf numFmtId="0" fontId="1" fillId="0" borderId="8" xfId="0" applyFont="1" applyBorder="1" applyAlignment="1">
      <alignment horizontal="left" vertical="center"/>
    </xf>
    <xf numFmtId="0" fontId="10" fillId="0" borderId="14" xfId="0" applyFont="1" applyBorder="1" applyAlignment="1">
      <alignment horizontal="center" vertical="center"/>
    </xf>
    <xf numFmtId="0" fontId="10" fillId="0" borderId="7" xfId="0" applyFont="1" applyBorder="1" applyAlignment="1">
      <alignment horizontal="center" vertical="center"/>
    </xf>
    <xf numFmtId="0" fontId="10" fillId="0" borderId="15" xfId="0" applyFont="1" applyBorder="1" applyAlignment="1">
      <alignment horizontal="center" vertical="center"/>
    </xf>
    <xf numFmtId="0" fontId="10" fillId="0" borderId="14" xfId="0" applyFont="1" applyBorder="1" applyAlignment="1">
      <alignment horizontal="center" vertical="center" wrapText="1"/>
    </xf>
    <xf numFmtId="0" fontId="10" fillId="0" borderId="7" xfId="0" applyFont="1" applyBorder="1" applyAlignment="1">
      <alignment horizontal="center" vertical="center" wrapText="1"/>
    </xf>
    <xf numFmtId="0" fontId="10" fillId="0" borderId="8" xfId="0" applyFont="1" applyBorder="1" applyAlignment="1">
      <alignment horizontal="center" vertical="center" wrapText="1"/>
    </xf>
    <xf numFmtId="0" fontId="8" fillId="0" borderId="17" xfId="0" applyFont="1" applyBorder="1" applyAlignment="1">
      <alignment vertical="center"/>
    </xf>
    <xf numFmtId="0" fontId="8" fillId="0" borderId="18" xfId="0" applyFont="1" applyBorder="1" applyAlignment="1">
      <alignment vertical="center"/>
    </xf>
    <xf numFmtId="0" fontId="8" fillId="0" borderId="19" xfId="0" applyFont="1" applyBorder="1" applyAlignment="1">
      <alignment vertical="center"/>
    </xf>
    <xf numFmtId="0" fontId="8" fillId="0" borderId="20" xfId="0" applyFont="1" applyBorder="1" applyAlignment="1">
      <alignment horizontal="center" vertical="center"/>
    </xf>
    <xf numFmtId="0" fontId="8" fillId="0" borderId="21" xfId="0" applyFont="1" applyBorder="1" applyAlignment="1">
      <alignment horizontal="center" vertical="center"/>
    </xf>
    <xf numFmtId="0" fontId="8" fillId="0" borderId="23" xfId="0" applyFont="1" applyBorder="1" applyAlignment="1">
      <alignment vertical="center"/>
    </xf>
    <xf numFmtId="0" fontId="8" fillId="0" borderId="24" xfId="0" applyFont="1" applyBorder="1" applyAlignment="1">
      <alignment vertical="center"/>
    </xf>
    <xf numFmtId="0" fontId="8" fillId="0" borderId="25" xfId="0" applyFont="1" applyBorder="1" applyAlignment="1">
      <alignment vertical="center"/>
    </xf>
    <xf numFmtId="0" fontId="8" fillId="0" borderId="26" xfId="0" applyFont="1" applyBorder="1" applyAlignment="1">
      <alignment horizontal="center" vertical="center"/>
    </xf>
    <xf numFmtId="0" fontId="8" fillId="0" borderId="27" xfId="0" applyFont="1" applyBorder="1" applyAlignment="1">
      <alignment horizontal="center" vertical="center"/>
    </xf>
    <xf numFmtId="0" fontId="8" fillId="0" borderId="28" xfId="0" applyFont="1" applyBorder="1" applyAlignment="1">
      <alignment horizontal="center" vertical="center" wrapText="1"/>
    </xf>
    <xf numFmtId="0" fontId="8" fillId="0" borderId="31" xfId="0" applyFont="1" applyBorder="1" applyAlignment="1">
      <alignment horizontal="center" vertical="center" wrapText="1"/>
    </xf>
    <xf numFmtId="0" fontId="8" fillId="0" borderId="16" xfId="0" applyFont="1" applyBorder="1" applyAlignment="1">
      <alignment horizontal="center" vertical="center" wrapText="1"/>
    </xf>
    <xf numFmtId="0" fontId="8" fillId="0" borderId="1" xfId="0" applyFont="1" applyBorder="1" applyAlignment="1">
      <alignment vertical="center"/>
    </xf>
    <xf numFmtId="0" fontId="8" fillId="0" borderId="2" xfId="0" applyFont="1" applyBorder="1" applyAlignment="1">
      <alignment vertical="center"/>
    </xf>
    <xf numFmtId="0" fontId="8" fillId="0" borderId="29" xfId="0" applyFont="1" applyBorder="1" applyAlignment="1">
      <alignment horizontal="center" vertical="center"/>
    </xf>
    <xf numFmtId="0" fontId="8" fillId="0" borderId="30" xfId="0" applyFont="1" applyBorder="1" applyAlignment="1">
      <alignment horizontal="center" vertical="center"/>
    </xf>
    <xf numFmtId="0" fontId="8" fillId="0" borderId="32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33" xfId="0" applyFont="1" applyBorder="1" applyAlignment="1">
      <alignment horizontal="center" vertical="center"/>
    </xf>
    <xf numFmtId="0" fontId="8" fillId="0" borderId="17" xfId="0" applyFont="1" applyBorder="1" applyAlignment="1">
      <alignment horizontal="center" vertical="center"/>
    </xf>
    <xf numFmtId="0" fontId="8" fillId="0" borderId="18" xfId="0" applyFont="1" applyBorder="1" applyAlignment="1">
      <alignment horizontal="center" vertical="center"/>
    </xf>
    <xf numFmtId="0" fontId="8" fillId="0" borderId="34" xfId="0" applyFont="1" applyBorder="1" applyAlignment="1">
      <alignment horizontal="center" vertical="center"/>
    </xf>
    <xf numFmtId="0" fontId="8" fillId="0" borderId="28" xfId="0" applyFont="1" applyBorder="1" applyAlignment="1">
      <alignment horizontal="center" vertical="center"/>
    </xf>
    <xf numFmtId="0" fontId="8" fillId="0" borderId="16" xfId="0" applyFont="1" applyBorder="1" applyAlignment="1">
      <alignment horizontal="center" vertical="center"/>
    </xf>
    <xf numFmtId="0" fontId="8" fillId="0" borderId="32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35" xfId="0" applyFont="1" applyBorder="1" applyAlignment="1">
      <alignment vertical="center"/>
    </xf>
    <xf numFmtId="0" fontId="8" fillId="0" borderId="18" xfId="0" applyFont="1" applyBorder="1" applyAlignment="1">
      <alignment horizontal="left" vertical="center"/>
    </xf>
    <xf numFmtId="0" fontId="8" fillId="0" borderId="19" xfId="0" applyFont="1" applyBorder="1" applyAlignment="1">
      <alignment horizontal="left" vertical="center"/>
    </xf>
    <xf numFmtId="0" fontId="12" fillId="0" borderId="0" xfId="0" applyFont="1" applyAlignment="1">
      <alignment horizontal="left" vertical="top" wrapText="1"/>
    </xf>
    <xf numFmtId="0" fontId="8" fillId="0" borderId="36" xfId="0" applyFont="1" applyBorder="1" applyAlignment="1">
      <alignment vertical="center"/>
    </xf>
    <xf numFmtId="0" fontId="10" fillId="0" borderId="23" xfId="0" applyFont="1" applyBorder="1" applyAlignment="1">
      <alignment vertical="top" wrapText="1"/>
    </xf>
    <xf numFmtId="0" fontId="1" fillId="0" borderId="24" xfId="0" applyFont="1" applyBorder="1" applyAlignment="1">
      <alignment vertical="top" wrapText="1"/>
    </xf>
    <xf numFmtId="0" fontId="1" fillId="0" borderId="25" xfId="0" applyFont="1" applyBorder="1" applyAlignment="1">
      <alignment vertical="top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708025</xdr:colOff>
      <xdr:row>7</xdr:row>
      <xdr:rowOff>60325</xdr:rowOff>
    </xdr:from>
    <xdr:to>
      <xdr:col>2</xdr:col>
      <xdr:colOff>914400</xdr:colOff>
      <xdr:row>7</xdr:row>
      <xdr:rowOff>247650</xdr:rowOff>
    </xdr:to>
    <xdr:sp macro="" textlink="">
      <xdr:nvSpPr>
        <xdr:cNvPr id="2" name="Rectángulo 1">
          <a:extLst>
            <a:ext uri="{FF2B5EF4-FFF2-40B4-BE49-F238E27FC236}">
              <a16:creationId xmlns:a16="http://schemas.microsoft.com/office/drawing/2014/main" id="{A64ADE6B-EA05-4E13-9346-A9D8CC1255F2}"/>
            </a:ext>
          </a:extLst>
        </xdr:cNvPr>
        <xdr:cNvSpPr/>
      </xdr:nvSpPr>
      <xdr:spPr>
        <a:xfrm>
          <a:off x="1498600" y="1908175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X</a:t>
          </a:r>
        </a:p>
      </xdr:txBody>
    </xdr:sp>
    <xdr:clientData/>
  </xdr:twoCellAnchor>
  <xdr:twoCellAnchor>
    <xdr:from>
      <xdr:col>2</xdr:col>
      <xdr:colOff>480855</xdr:colOff>
      <xdr:row>10</xdr:row>
      <xdr:rowOff>60325</xdr:rowOff>
    </xdr:from>
    <xdr:to>
      <xdr:col>2</xdr:col>
      <xdr:colOff>909480</xdr:colOff>
      <xdr:row>10</xdr:row>
      <xdr:rowOff>317500</xdr:rowOff>
    </xdr:to>
    <xdr:sp macro="" textlink="">
      <xdr:nvSpPr>
        <xdr:cNvPr id="3" name="Rectángulo 2">
          <a:extLst>
            <a:ext uri="{FF2B5EF4-FFF2-40B4-BE49-F238E27FC236}">
              <a16:creationId xmlns:a16="http://schemas.microsoft.com/office/drawing/2014/main" id="{1ABD48FD-BA5A-4656-A26C-CB6C6663E61C}"/>
            </a:ext>
          </a:extLst>
        </xdr:cNvPr>
        <xdr:cNvSpPr/>
      </xdr:nvSpPr>
      <xdr:spPr>
        <a:xfrm>
          <a:off x="1271430" y="2955925"/>
          <a:ext cx="428625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0</xdr:col>
      <xdr:colOff>95251</xdr:colOff>
      <xdr:row>0</xdr:row>
      <xdr:rowOff>38100</xdr:rowOff>
    </xdr:from>
    <xdr:to>
      <xdr:col>2</xdr:col>
      <xdr:colOff>514350</xdr:colOff>
      <xdr:row>3</xdr:row>
      <xdr:rowOff>9525</xdr:rowOff>
    </xdr:to>
    <xdr:grpSp>
      <xdr:nvGrpSpPr>
        <xdr:cNvPr id="4" name="Group 3691">
          <a:extLst>
            <a:ext uri="{FF2B5EF4-FFF2-40B4-BE49-F238E27FC236}">
              <a16:creationId xmlns:a16="http://schemas.microsoft.com/office/drawing/2014/main" id="{C7F97B08-8652-4C97-87D8-31BC4B71308F}"/>
            </a:ext>
          </a:extLst>
        </xdr:cNvPr>
        <xdr:cNvGrpSpPr/>
      </xdr:nvGrpSpPr>
      <xdr:grpSpPr>
        <a:xfrm>
          <a:off x="95251" y="38100"/>
          <a:ext cx="1209674" cy="476250"/>
          <a:chOff x="0" y="0"/>
          <a:chExt cx="1615386" cy="499917"/>
        </a:xfrm>
      </xdr:grpSpPr>
      <xdr:sp macro="" textlink="">
        <xdr:nvSpPr>
          <xdr:cNvPr id="5" name="Shape 6">
            <a:extLst>
              <a:ext uri="{FF2B5EF4-FFF2-40B4-BE49-F238E27FC236}">
                <a16:creationId xmlns:a16="http://schemas.microsoft.com/office/drawing/2014/main" id="{EFD9B3AF-BD36-4E9E-A0DB-B9E11B698878}"/>
              </a:ext>
            </a:extLst>
          </xdr:cNvPr>
          <xdr:cNvSpPr/>
        </xdr:nvSpPr>
        <xdr:spPr>
          <a:xfrm>
            <a:off x="318325" y="181799"/>
            <a:ext cx="274726" cy="313207"/>
          </a:xfrm>
          <a:custGeom>
            <a:avLst/>
            <a:gdLst/>
            <a:ahLst/>
            <a:cxnLst/>
            <a:rect l="0" t="0" r="0" b="0"/>
            <a:pathLst>
              <a:path w="274726" h="313207">
                <a:moveTo>
                  <a:pt x="0" y="0"/>
                </a:moveTo>
                <a:lnTo>
                  <a:pt x="76518" y="0"/>
                </a:lnTo>
                <a:lnTo>
                  <a:pt x="145415" y="92621"/>
                </a:lnTo>
                <a:cubicBezTo>
                  <a:pt x="148996" y="97396"/>
                  <a:pt x="153251" y="103353"/>
                  <a:pt x="158166" y="110515"/>
                </a:cubicBezTo>
                <a:cubicBezTo>
                  <a:pt x="163093" y="117678"/>
                  <a:pt x="167932" y="124828"/>
                  <a:pt x="172707" y="131991"/>
                </a:cubicBezTo>
                <a:cubicBezTo>
                  <a:pt x="177470" y="139154"/>
                  <a:pt x="181813" y="145860"/>
                  <a:pt x="185687" y="152121"/>
                </a:cubicBezTo>
                <a:cubicBezTo>
                  <a:pt x="189560" y="158394"/>
                  <a:pt x="192392" y="163170"/>
                  <a:pt x="194183" y="166434"/>
                </a:cubicBezTo>
                <a:cubicBezTo>
                  <a:pt x="193586" y="162865"/>
                  <a:pt x="193142" y="157874"/>
                  <a:pt x="192837" y="151448"/>
                </a:cubicBezTo>
                <a:cubicBezTo>
                  <a:pt x="192545" y="145034"/>
                  <a:pt x="192240" y="138036"/>
                  <a:pt x="191948" y="130429"/>
                </a:cubicBezTo>
                <a:cubicBezTo>
                  <a:pt x="191643" y="122822"/>
                  <a:pt x="191503" y="114986"/>
                  <a:pt x="191503" y="106934"/>
                </a:cubicBezTo>
                <a:lnTo>
                  <a:pt x="191503" y="0"/>
                </a:lnTo>
                <a:lnTo>
                  <a:pt x="274726" y="0"/>
                </a:lnTo>
                <a:lnTo>
                  <a:pt x="274726" y="313207"/>
                </a:lnTo>
                <a:lnTo>
                  <a:pt x="204026" y="313207"/>
                </a:lnTo>
                <a:lnTo>
                  <a:pt x="129311" y="209855"/>
                </a:lnTo>
                <a:cubicBezTo>
                  <a:pt x="125730" y="205080"/>
                  <a:pt x="121552" y="199187"/>
                  <a:pt x="116777" y="192176"/>
                </a:cubicBezTo>
                <a:cubicBezTo>
                  <a:pt x="112014" y="185166"/>
                  <a:pt x="107302" y="178156"/>
                  <a:pt x="102679" y="171145"/>
                </a:cubicBezTo>
                <a:cubicBezTo>
                  <a:pt x="98057" y="164135"/>
                  <a:pt x="93739" y="157493"/>
                  <a:pt x="89713" y="151232"/>
                </a:cubicBezTo>
                <a:cubicBezTo>
                  <a:pt x="85687" y="144958"/>
                  <a:pt x="82626" y="140043"/>
                  <a:pt x="80531" y="136462"/>
                </a:cubicBezTo>
                <a:cubicBezTo>
                  <a:pt x="81128" y="140043"/>
                  <a:pt x="81572" y="145034"/>
                  <a:pt x="81877" y="151448"/>
                </a:cubicBezTo>
                <a:cubicBezTo>
                  <a:pt x="82182" y="157874"/>
                  <a:pt x="82474" y="164871"/>
                  <a:pt x="82766" y="172491"/>
                </a:cubicBezTo>
                <a:cubicBezTo>
                  <a:pt x="83071" y="180086"/>
                  <a:pt x="83223" y="187922"/>
                  <a:pt x="83223" y="195974"/>
                </a:cubicBezTo>
                <a:lnTo>
                  <a:pt x="83223" y="313207"/>
                </a:lnTo>
                <a:lnTo>
                  <a:pt x="0" y="31320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6" name="Shape 4030">
            <a:extLst>
              <a:ext uri="{FF2B5EF4-FFF2-40B4-BE49-F238E27FC236}">
                <a16:creationId xmlns:a16="http://schemas.microsoft.com/office/drawing/2014/main" id="{600373C6-C020-444E-892E-70B05BD54C6E}"/>
              </a:ext>
            </a:extLst>
          </xdr:cNvPr>
          <xdr:cNvSpPr/>
        </xdr:nvSpPr>
        <xdr:spPr>
          <a:xfrm>
            <a:off x="637248" y="181792"/>
            <a:ext cx="88595" cy="313207"/>
          </a:xfrm>
          <a:custGeom>
            <a:avLst/>
            <a:gdLst/>
            <a:ahLst/>
            <a:cxnLst/>
            <a:rect l="0" t="0" r="0" b="0"/>
            <a:pathLst>
              <a:path w="88595" h="313207">
                <a:moveTo>
                  <a:pt x="0" y="0"/>
                </a:moveTo>
                <a:lnTo>
                  <a:pt x="88595" y="0"/>
                </a:lnTo>
                <a:lnTo>
                  <a:pt x="88595" y="313207"/>
                </a:lnTo>
                <a:lnTo>
                  <a:pt x="0" y="313207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7" name="Shape 8">
            <a:extLst>
              <a:ext uri="{FF2B5EF4-FFF2-40B4-BE49-F238E27FC236}">
                <a16:creationId xmlns:a16="http://schemas.microsoft.com/office/drawing/2014/main" id="{F80EAD75-D76B-4380-9B80-6F7903DCB51C}"/>
              </a:ext>
            </a:extLst>
          </xdr:cNvPr>
          <xdr:cNvSpPr/>
        </xdr:nvSpPr>
        <xdr:spPr>
          <a:xfrm>
            <a:off x="770048" y="181790"/>
            <a:ext cx="262192" cy="313220"/>
          </a:xfrm>
          <a:custGeom>
            <a:avLst/>
            <a:gdLst/>
            <a:ahLst/>
            <a:cxnLst/>
            <a:rect l="0" t="0" r="0" b="0"/>
            <a:pathLst>
              <a:path w="262192" h="313220">
                <a:moveTo>
                  <a:pt x="0" y="0"/>
                </a:moveTo>
                <a:lnTo>
                  <a:pt x="262192" y="0"/>
                </a:lnTo>
                <a:lnTo>
                  <a:pt x="262192" y="75629"/>
                </a:lnTo>
                <a:lnTo>
                  <a:pt x="174485" y="75629"/>
                </a:lnTo>
                <a:lnTo>
                  <a:pt x="174485" y="313220"/>
                </a:lnTo>
                <a:lnTo>
                  <a:pt x="87693" y="313220"/>
                </a:lnTo>
                <a:lnTo>
                  <a:pt x="87693" y="75629"/>
                </a:lnTo>
                <a:lnTo>
                  <a:pt x="0" y="7562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8" name="Shape 9">
            <a:extLst>
              <a:ext uri="{FF2B5EF4-FFF2-40B4-BE49-F238E27FC236}">
                <a16:creationId xmlns:a16="http://schemas.microsoft.com/office/drawing/2014/main" id="{D6251FCA-96D9-406D-98F5-C8F28C4A343E}"/>
              </a:ext>
            </a:extLst>
          </xdr:cNvPr>
          <xdr:cNvSpPr/>
        </xdr:nvSpPr>
        <xdr:spPr>
          <a:xfrm>
            <a:off x="1076427" y="181799"/>
            <a:ext cx="242964" cy="313207"/>
          </a:xfrm>
          <a:custGeom>
            <a:avLst/>
            <a:gdLst/>
            <a:ahLst/>
            <a:cxnLst/>
            <a:rect l="0" t="0" r="0" b="0"/>
            <a:pathLst>
              <a:path w="242964" h="313207">
                <a:moveTo>
                  <a:pt x="0" y="0"/>
                </a:moveTo>
                <a:lnTo>
                  <a:pt x="242964" y="0"/>
                </a:lnTo>
                <a:lnTo>
                  <a:pt x="242964" y="72936"/>
                </a:lnTo>
                <a:lnTo>
                  <a:pt x="85915" y="72936"/>
                </a:lnTo>
                <a:lnTo>
                  <a:pt x="85915" y="114541"/>
                </a:lnTo>
                <a:lnTo>
                  <a:pt x="178524" y="114541"/>
                </a:lnTo>
                <a:lnTo>
                  <a:pt x="178524" y="186588"/>
                </a:lnTo>
                <a:lnTo>
                  <a:pt x="85915" y="186588"/>
                </a:lnTo>
                <a:lnTo>
                  <a:pt x="85915" y="240271"/>
                </a:lnTo>
                <a:lnTo>
                  <a:pt x="242964" y="240271"/>
                </a:lnTo>
                <a:lnTo>
                  <a:pt x="242964" y="313207"/>
                </a:lnTo>
                <a:lnTo>
                  <a:pt x="0" y="31320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9" name="Shape 10">
            <a:extLst>
              <a:ext uri="{FF2B5EF4-FFF2-40B4-BE49-F238E27FC236}">
                <a16:creationId xmlns:a16="http://schemas.microsoft.com/office/drawing/2014/main" id="{64E1F969-0D00-484D-A08E-EB3347DC0BC4}"/>
              </a:ext>
            </a:extLst>
          </xdr:cNvPr>
          <xdr:cNvSpPr/>
        </xdr:nvSpPr>
        <xdr:spPr>
          <a:xfrm>
            <a:off x="1341490" y="176867"/>
            <a:ext cx="272936" cy="323050"/>
          </a:xfrm>
          <a:custGeom>
            <a:avLst/>
            <a:gdLst/>
            <a:ahLst/>
            <a:cxnLst/>
            <a:rect l="0" t="0" r="0" b="0"/>
            <a:pathLst>
              <a:path w="272936" h="323050">
                <a:moveTo>
                  <a:pt x="143180" y="0"/>
                </a:moveTo>
                <a:cubicBezTo>
                  <a:pt x="162268" y="0"/>
                  <a:pt x="178752" y="2019"/>
                  <a:pt x="192621" y="6058"/>
                </a:cubicBezTo>
                <a:cubicBezTo>
                  <a:pt x="206489" y="10071"/>
                  <a:pt x="218415" y="16053"/>
                  <a:pt x="228422" y="23952"/>
                </a:cubicBezTo>
                <a:cubicBezTo>
                  <a:pt x="238417" y="31852"/>
                  <a:pt x="246837" y="41542"/>
                  <a:pt x="253695" y="53022"/>
                </a:cubicBezTo>
                <a:cubicBezTo>
                  <a:pt x="260553" y="64516"/>
                  <a:pt x="266675" y="77572"/>
                  <a:pt x="272047" y="92177"/>
                </a:cubicBezTo>
                <a:lnTo>
                  <a:pt x="193294" y="123050"/>
                </a:lnTo>
                <a:cubicBezTo>
                  <a:pt x="190602" y="115887"/>
                  <a:pt x="187770" y="109334"/>
                  <a:pt x="184785" y="103365"/>
                </a:cubicBezTo>
                <a:cubicBezTo>
                  <a:pt x="181813" y="97396"/>
                  <a:pt x="178371" y="92405"/>
                  <a:pt x="174498" y="88379"/>
                </a:cubicBezTo>
                <a:cubicBezTo>
                  <a:pt x="170624" y="84353"/>
                  <a:pt x="166154" y="81229"/>
                  <a:pt x="161074" y="78981"/>
                </a:cubicBezTo>
                <a:cubicBezTo>
                  <a:pt x="156007" y="76746"/>
                  <a:pt x="149885" y="75628"/>
                  <a:pt x="142735" y="75628"/>
                </a:cubicBezTo>
                <a:cubicBezTo>
                  <a:pt x="133782" y="75628"/>
                  <a:pt x="126022" y="77787"/>
                  <a:pt x="119469" y="82105"/>
                </a:cubicBezTo>
                <a:cubicBezTo>
                  <a:pt x="112903" y="86449"/>
                  <a:pt x="107455" y="92405"/>
                  <a:pt x="103137" y="100012"/>
                </a:cubicBezTo>
                <a:cubicBezTo>
                  <a:pt x="98806" y="107620"/>
                  <a:pt x="95669" y="116637"/>
                  <a:pt x="93739" y="127076"/>
                </a:cubicBezTo>
                <a:cubicBezTo>
                  <a:pt x="91796" y="137528"/>
                  <a:pt x="90831" y="149009"/>
                  <a:pt x="90831" y="161531"/>
                </a:cubicBezTo>
                <a:cubicBezTo>
                  <a:pt x="90831" y="173469"/>
                  <a:pt x="91796" y="184645"/>
                  <a:pt x="93739" y="195097"/>
                </a:cubicBezTo>
                <a:cubicBezTo>
                  <a:pt x="95669" y="205537"/>
                  <a:pt x="98806" y="214630"/>
                  <a:pt x="103137" y="222390"/>
                </a:cubicBezTo>
                <a:cubicBezTo>
                  <a:pt x="107455" y="230149"/>
                  <a:pt x="112903" y="236258"/>
                  <a:pt x="119469" y="240741"/>
                </a:cubicBezTo>
                <a:cubicBezTo>
                  <a:pt x="126022" y="245199"/>
                  <a:pt x="134074" y="247447"/>
                  <a:pt x="143624" y="247447"/>
                </a:cubicBezTo>
                <a:cubicBezTo>
                  <a:pt x="150482" y="247447"/>
                  <a:pt x="156451" y="246545"/>
                  <a:pt x="161531" y="244754"/>
                </a:cubicBezTo>
                <a:cubicBezTo>
                  <a:pt x="166586" y="242976"/>
                  <a:pt x="171209" y="240208"/>
                  <a:pt x="175387" y="236474"/>
                </a:cubicBezTo>
                <a:cubicBezTo>
                  <a:pt x="179565" y="232753"/>
                  <a:pt x="183591" y="228130"/>
                  <a:pt x="187478" y="222606"/>
                </a:cubicBezTo>
                <a:cubicBezTo>
                  <a:pt x="191351" y="217094"/>
                  <a:pt x="195377" y="210604"/>
                  <a:pt x="199555" y="203149"/>
                </a:cubicBezTo>
                <a:lnTo>
                  <a:pt x="272936" y="242075"/>
                </a:lnTo>
                <a:cubicBezTo>
                  <a:pt x="267564" y="252514"/>
                  <a:pt x="261302" y="262585"/>
                  <a:pt x="254140" y="272275"/>
                </a:cubicBezTo>
                <a:cubicBezTo>
                  <a:pt x="246990" y="281978"/>
                  <a:pt x="238252" y="290551"/>
                  <a:pt x="227965" y="297993"/>
                </a:cubicBezTo>
                <a:cubicBezTo>
                  <a:pt x="217678" y="305460"/>
                  <a:pt x="205524" y="311506"/>
                  <a:pt x="191503" y="316116"/>
                </a:cubicBezTo>
                <a:cubicBezTo>
                  <a:pt x="177483" y="320738"/>
                  <a:pt x="161227" y="323050"/>
                  <a:pt x="142735" y="323050"/>
                </a:cubicBezTo>
                <a:cubicBezTo>
                  <a:pt x="119469" y="323050"/>
                  <a:pt x="98958" y="318960"/>
                  <a:pt x="81217" y="310744"/>
                </a:cubicBezTo>
                <a:cubicBezTo>
                  <a:pt x="63462" y="302552"/>
                  <a:pt x="48552" y="291287"/>
                  <a:pt x="36462" y="276974"/>
                </a:cubicBezTo>
                <a:cubicBezTo>
                  <a:pt x="24384" y="262649"/>
                  <a:pt x="15291" y="245656"/>
                  <a:pt x="9182" y="225971"/>
                </a:cubicBezTo>
                <a:cubicBezTo>
                  <a:pt x="3061" y="206273"/>
                  <a:pt x="0" y="184798"/>
                  <a:pt x="0" y="161531"/>
                </a:cubicBezTo>
                <a:cubicBezTo>
                  <a:pt x="0" y="136474"/>
                  <a:pt x="3505" y="113957"/>
                  <a:pt x="10516" y="93967"/>
                </a:cubicBezTo>
                <a:cubicBezTo>
                  <a:pt x="17513" y="73990"/>
                  <a:pt x="27368" y="57061"/>
                  <a:pt x="40043" y="43180"/>
                </a:cubicBezTo>
                <a:cubicBezTo>
                  <a:pt x="52718" y="29312"/>
                  <a:pt x="67780" y="18644"/>
                  <a:pt x="85242" y="11189"/>
                </a:cubicBezTo>
                <a:cubicBezTo>
                  <a:pt x="102680" y="3734"/>
                  <a:pt x="121996" y="0"/>
                  <a:pt x="143180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0" name="Shape 11">
            <a:extLst>
              <a:ext uri="{FF2B5EF4-FFF2-40B4-BE49-F238E27FC236}">
                <a16:creationId xmlns:a16="http://schemas.microsoft.com/office/drawing/2014/main" id="{540E8643-6261-436E-B97A-3889910949E5}"/>
              </a:ext>
            </a:extLst>
          </xdr:cNvPr>
          <xdr:cNvSpPr/>
        </xdr:nvSpPr>
        <xdr:spPr>
          <a:xfrm>
            <a:off x="0" y="182287"/>
            <a:ext cx="274130" cy="317424"/>
          </a:xfrm>
          <a:custGeom>
            <a:avLst/>
            <a:gdLst/>
            <a:ahLst/>
            <a:cxnLst/>
            <a:rect l="0" t="0" r="0" b="0"/>
            <a:pathLst>
              <a:path w="274130" h="317424">
                <a:moveTo>
                  <a:pt x="0" y="0"/>
                </a:moveTo>
                <a:lnTo>
                  <a:pt x="88405" y="0"/>
                </a:lnTo>
                <a:lnTo>
                  <a:pt x="88405" y="179045"/>
                </a:lnTo>
                <a:cubicBezTo>
                  <a:pt x="88405" y="217437"/>
                  <a:pt x="103581" y="241084"/>
                  <a:pt x="137516" y="241084"/>
                </a:cubicBezTo>
                <a:cubicBezTo>
                  <a:pt x="171450" y="241084"/>
                  <a:pt x="185738" y="217437"/>
                  <a:pt x="185738" y="179045"/>
                </a:cubicBezTo>
                <a:lnTo>
                  <a:pt x="185738" y="0"/>
                </a:lnTo>
                <a:lnTo>
                  <a:pt x="274130" y="0"/>
                </a:lnTo>
                <a:lnTo>
                  <a:pt x="274130" y="179045"/>
                </a:lnTo>
                <a:cubicBezTo>
                  <a:pt x="274130" y="278143"/>
                  <a:pt x="214744" y="317424"/>
                  <a:pt x="136182" y="317424"/>
                </a:cubicBezTo>
                <a:cubicBezTo>
                  <a:pt x="57594" y="317424"/>
                  <a:pt x="0" y="278143"/>
                  <a:pt x="0" y="179045"/>
                </a:cubicBez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1" name="Shape 4031">
            <a:extLst>
              <a:ext uri="{FF2B5EF4-FFF2-40B4-BE49-F238E27FC236}">
                <a16:creationId xmlns:a16="http://schemas.microsoft.com/office/drawing/2014/main" id="{92110FF8-AFE9-487E-8049-81A69E225004}"/>
              </a:ext>
            </a:extLst>
          </xdr:cNvPr>
          <xdr:cNvSpPr/>
        </xdr:nvSpPr>
        <xdr:spPr>
          <a:xfrm>
            <a:off x="0" y="5503"/>
            <a:ext cx="274130" cy="88392"/>
          </a:xfrm>
          <a:custGeom>
            <a:avLst/>
            <a:gdLst/>
            <a:ahLst/>
            <a:cxnLst/>
            <a:rect l="0" t="0" r="0" b="0"/>
            <a:pathLst>
              <a:path w="274130" h="88392">
                <a:moveTo>
                  <a:pt x="0" y="0"/>
                </a:moveTo>
                <a:lnTo>
                  <a:pt x="274130" y="0"/>
                </a:lnTo>
                <a:lnTo>
                  <a:pt x="274130" y="88392"/>
                </a:lnTo>
                <a:lnTo>
                  <a:pt x="0" y="88392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FFDE00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2" name="Shape 13">
            <a:extLst>
              <a:ext uri="{FF2B5EF4-FFF2-40B4-BE49-F238E27FC236}">
                <a16:creationId xmlns:a16="http://schemas.microsoft.com/office/drawing/2014/main" id="{3BFF9083-5F94-4D6F-BE3E-54430439B02C}"/>
              </a:ext>
            </a:extLst>
          </xdr:cNvPr>
          <xdr:cNvSpPr/>
        </xdr:nvSpPr>
        <xdr:spPr>
          <a:xfrm>
            <a:off x="316000" y="18072"/>
            <a:ext cx="47663" cy="67234"/>
          </a:xfrm>
          <a:custGeom>
            <a:avLst/>
            <a:gdLst/>
            <a:ahLst/>
            <a:cxnLst/>
            <a:rect l="0" t="0" r="0" b="0"/>
            <a:pathLst>
              <a:path w="47663" h="67234">
                <a:moveTo>
                  <a:pt x="26619" y="0"/>
                </a:moveTo>
                <a:cubicBezTo>
                  <a:pt x="35560" y="0"/>
                  <a:pt x="42253" y="3353"/>
                  <a:pt x="47384" y="10427"/>
                </a:cubicBezTo>
                <a:lnTo>
                  <a:pt x="41605" y="14808"/>
                </a:lnTo>
                <a:cubicBezTo>
                  <a:pt x="37414" y="9119"/>
                  <a:pt x="33515" y="6617"/>
                  <a:pt x="26429" y="6617"/>
                </a:cubicBezTo>
                <a:cubicBezTo>
                  <a:pt x="15265" y="6617"/>
                  <a:pt x="7252" y="17691"/>
                  <a:pt x="7252" y="33528"/>
                </a:cubicBezTo>
                <a:cubicBezTo>
                  <a:pt x="7252" y="49454"/>
                  <a:pt x="15545" y="60617"/>
                  <a:pt x="26518" y="60617"/>
                </a:cubicBezTo>
                <a:cubicBezTo>
                  <a:pt x="33604" y="60617"/>
                  <a:pt x="38443" y="57455"/>
                  <a:pt x="42634" y="52057"/>
                </a:cubicBezTo>
                <a:lnTo>
                  <a:pt x="47663" y="56439"/>
                </a:lnTo>
                <a:cubicBezTo>
                  <a:pt x="42913" y="62852"/>
                  <a:pt x="35839" y="67234"/>
                  <a:pt x="26340" y="67234"/>
                </a:cubicBezTo>
                <a:cubicBezTo>
                  <a:pt x="10427" y="67234"/>
                  <a:pt x="0" y="52794"/>
                  <a:pt x="0" y="33706"/>
                </a:cubicBezTo>
                <a:cubicBezTo>
                  <a:pt x="0" y="14338"/>
                  <a:pt x="10884" y="0"/>
                  <a:pt x="26619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3" name="Shape 14">
            <a:extLst>
              <a:ext uri="{FF2B5EF4-FFF2-40B4-BE49-F238E27FC236}">
                <a16:creationId xmlns:a16="http://schemas.microsoft.com/office/drawing/2014/main" id="{6178F1A1-78E2-4ED6-8422-6ED4573A8762}"/>
              </a:ext>
            </a:extLst>
          </xdr:cNvPr>
          <xdr:cNvSpPr/>
        </xdr:nvSpPr>
        <xdr:spPr>
          <a:xfrm>
            <a:off x="371493" y="18082"/>
            <a:ext cx="27057" cy="67224"/>
          </a:xfrm>
          <a:custGeom>
            <a:avLst/>
            <a:gdLst/>
            <a:ahLst/>
            <a:cxnLst/>
            <a:rect l="0" t="0" r="0" b="0"/>
            <a:pathLst>
              <a:path w="27057" h="67224">
                <a:moveTo>
                  <a:pt x="27057" y="0"/>
                </a:moveTo>
                <a:lnTo>
                  <a:pt x="27057" y="6728"/>
                </a:lnTo>
                <a:lnTo>
                  <a:pt x="26822" y="6607"/>
                </a:lnTo>
                <a:cubicBezTo>
                  <a:pt x="15558" y="6607"/>
                  <a:pt x="7264" y="17122"/>
                  <a:pt x="7264" y="33518"/>
                </a:cubicBezTo>
                <a:cubicBezTo>
                  <a:pt x="7264" y="41709"/>
                  <a:pt x="9408" y="48482"/>
                  <a:pt x="12970" y="53206"/>
                </a:cubicBezTo>
                <a:lnTo>
                  <a:pt x="27057" y="60537"/>
                </a:lnTo>
                <a:lnTo>
                  <a:pt x="27057" y="67191"/>
                </a:lnTo>
                <a:lnTo>
                  <a:pt x="26911" y="67224"/>
                </a:lnTo>
                <a:cubicBezTo>
                  <a:pt x="10719" y="67224"/>
                  <a:pt x="0" y="53355"/>
                  <a:pt x="0" y="33696"/>
                </a:cubicBezTo>
                <a:cubicBezTo>
                  <a:pt x="0" y="18961"/>
                  <a:pt x="6129" y="7369"/>
                  <a:pt x="16031" y="2494"/>
                </a:cubicBezTo>
                <a:lnTo>
                  <a:pt x="27057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4" name="Shape 15">
            <a:extLst>
              <a:ext uri="{FF2B5EF4-FFF2-40B4-BE49-F238E27FC236}">
                <a16:creationId xmlns:a16="http://schemas.microsoft.com/office/drawing/2014/main" id="{7E277FCD-4D5F-49F8-A3B4-4A29F4D49926}"/>
              </a:ext>
            </a:extLst>
          </xdr:cNvPr>
          <xdr:cNvSpPr/>
        </xdr:nvSpPr>
        <xdr:spPr>
          <a:xfrm>
            <a:off x="398550" y="18072"/>
            <a:ext cx="27057" cy="67201"/>
          </a:xfrm>
          <a:custGeom>
            <a:avLst/>
            <a:gdLst/>
            <a:ahLst/>
            <a:cxnLst/>
            <a:rect l="0" t="0" r="0" b="0"/>
            <a:pathLst>
              <a:path w="27057" h="67201">
                <a:moveTo>
                  <a:pt x="44" y="0"/>
                </a:moveTo>
                <a:cubicBezTo>
                  <a:pt x="16250" y="0"/>
                  <a:pt x="27057" y="13881"/>
                  <a:pt x="27057" y="33528"/>
                </a:cubicBezTo>
                <a:cubicBezTo>
                  <a:pt x="27057" y="48263"/>
                  <a:pt x="20871" y="59855"/>
                  <a:pt x="10941" y="64730"/>
                </a:cubicBezTo>
                <a:lnTo>
                  <a:pt x="0" y="67201"/>
                </a:lnTo>
                <a:lnTo>
                  <a:pt x="0" y="60548"/>
                </a:lnTo>
                <a:lnTo>
                  <a:pt x="133" y="60617"/>
                </a:lnTo>
                <a:cubicBezTo>
                  <a:pt x="11398" y="60617"/>
                  <a:pt x="19793" y="50101"/>
                  <a:pt x="19793" y="33706"/>
                </a:cubicBezTo>
                <a:cubicBezTo>
                  <a:pt x="19793" y="25514"/>
                  <a:pt x="17628" y="18742"/>
                  <a:pt x="14041" y="14018"/>
                </a:cubicBezTo>
                <a:lnTo>
                  <a:pt x="0" y="6738"/>
                </a:lnTo>
                <a:lnTo>
                  <a:pt x="0" y="10"/>
                </a:lnTo>
                <a:lnTo>
                  <a:pt x="44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5" name="Shape 16">
            <a:extLst>
              <a:ext uri="{FF2B5EF4-FFF2-40B4-BE49-F238E27FC236}">
                <a16:creationId xmlns:a16="http://schemas.microsoft.com/office/drawing/2014/main" id="{757CCAD4-63A6-4A4F-BF85-3AB925C67BD6}"/>
              </a:ext>
            </a:extLst>
          </xdr:cNvPr>
          <xdr:cNvSpPr/>
        </xdr:nvSpPr>
        <xdr:spPr>
          <a:xfrm>
            <a:off x="439616" y="19088"/>
            <a:ext cx="23038" cy="65189"/>
          </a:xfrm>
          <a:custGeom>
            <a:avLst/>
            <a:gdLst/>
            <a:ahLst/>
            <a:cxnLst/>
            <a:rect l="0" t="0" r="0" b="0"/>
            <a:pathLst>
              <a:path w="23038" h="65189">
                <a:moveTo>
                  <a:pt x="0" y="0"/>
                </a:moveTo>
                <a:lnTo>
                  <a:pt x="23038" y="0"/>
                </a:lnTo>
                <a:lnTo>
                  <a:pt x="23038" y="6617"/>
                </a:lnTo>
                <a:lnTo>
                  <a:pt x="7252" y="6617"/>
                </a:lnTo>
                <a:lnTo>
                  <a:pt x="7252" y="30924"/>
                </a:lnTo>
                <a:lnTo>
                  <a:pt x="23038" y="30924"/>
                </a:lnTo>
                <a:lnTo>
                  <a:pt x="23038" y="38070"/>
                </a:lnTo>
                <a:lnTo>
                  <a:pt x="22720" y="37440"/>
                </a:lnTo>
                <a:lnTo>
                  <a:pt x="7252" y="37440"/>
                </a:lnTo>
                <a:lnTo>
                  <a:pt x="725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6" name="Shape 17">
            <a:extLst>
              <a:ext uri="{FF2B5EF4-FFF2-40B4-BE49-F238E27FC236}">
                <a16:creationId xmlns:a16="http://schemas.microsoft.com/office/drawing/2014/main" id="{7665DDCF-987E-498F-9C6E-C4EDA48C927D}"/>
              </a:ext>
            </a:extLst>
          </xdr:cNvPr>
          <xdr:cNvSpPr/>
        </xdr:nvSpPr>
        <xdr:spPr>
          <a:xfrm>
            <a:off x="462653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56" y="0"/>
                </a:lnTo>
                <a:cubicBezTo>
                  <a:pt x="14211" y="0"/>
                  <a:pt x="23051" y="5880"/>
                  <a:pt x="23051" y="18440"/>
                </a:cubicBezTo>
                <a:cubicBezTo>
                  <a:pt x="23051" y="28600"/>
                  <a:pt x="17005" y="34925"/>
                  <a:pt x="7684" y="36881"/>
                </a:cubicBezTo>
                <a:lnTo>
                  <a:pt x="22022" y="65189"/>
                </a:lnTo>
                <a:lnTo>
                  <a:pt x="13653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49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7" name="Shape 18">
            <a:extLst>
              <a:ext uri="{FF2B5EF4-FFF2-40B4-BE49-F238E27FC236}">
                <a16:creationId xmlns:a16="http://schemas.microsoft.com/office/drawing/2014/main" id="{40AA627E-C013-420E-95F8-62BE0C4D5946}"/>
              </a:ext>
            </a:extLst>
          </xdr:cNvPr>
          <xdr:cNvSpPr/>
        </xdr:nvSpPr>
        <xdr:spPr>
          <a:xfrm>
            <a:off x="499400" y="19088"/>
            <a:ext cx="22581" cy="65189"/>
          </a:xfrm>
          <a:custGeom>
            <a:avLst/>
            <a:gdLst/>
            <a:ahLst/>
            <a:cxnLst/>
            <a:rect l="0" t="0" r="0" b="0"/>
            <a:pathLst>
              <a:path w="22581" h="65189">
                <a:moveTo>
                  <a:pt x="0" y="0"/>
                </a:moveTo>
                <a:lnTo>
                  <a:pt x="22581" y="0"/>
                </a:lnTo>
                <a:lnTo>
                  <a:pt x="22581" y="6617"/>
                </a:lnTo>
                <a:lnTo>
                  <a:pt x="7264" y="6617"/>
                </a:lnTo>
                <a:lnTo>
                  <a:pt x="7264" y="32969"/>
                </a:lnTo>
                <a:lnTo>
                  <a:pt x="22581" y="32969"/>
                </a:lnTo>
                <a:lnTo>
                  <a:pt x="22581" y="39586"/>
                </a:lnTo>
                <a:lnTo>
                  <a:pt x="7264" y="39586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8" name="Shape 19">
            <a:extLst>
              <a:ext uri="{FF2B5EF4-FFF2-40B4-BE49-F238E27FC236}">
                <a16:creationId xmlns:a16="http://schemas.microsoft.com/office/drawing/2014/main" id="{DA190221-7F99-4465-A4AF-64594CFD7A33}"/>
              </a:ext>
            </a:extLst>
          </xdr:cNvPr>
          <xdr:cNvSpPr/>
        </xdr:nvSpPr>
        <xdr:spPr>
          <a:xfrm>
            <a:off x="521980" y="19088"/>
            <a:ext cx="22593" cy="39586"/>
          </a:xfrm>
          <a:custGeom>
            <a:avLst/>
            <a:gdLst/>
            <a:ahLst/>
            <a:cxnLst/>
            <a:rect l="0" t="0" r="0" b="0"/>
            <a:pathLst>
              <a:path w="22593" h="39586">
                <a:moveTo>
                  <a:pt x="0" y="0"/>
                </a:moveTo>
                <a:lnTo>
                  <a:pt x="1816" y="0"/>
                </a:lnTo>
                <a:cubicBezTo>
                  <a:pt x="13653" y="0"/>
                  <a:pt x="22593" y="6248"/>
                  <a:pt x="22593" y="19469"/>
                </a:cubicBezTo>
                <a:cubicBezTo>
                  <a:pt x="22593" y="32410"/>
                  <a:pt x="13551" y="39586"/>
                  <a:pt x="508" y="39586"/>
                </a:cubicBezTo>
                <a:lnTo>
                  <a:pt x="0" y="39586"/>
                </a:lnTo>
                <a:lnTo>
                  <a:pt x="0" y="32969"/>
                </a:lnTo>
                <a:lnTo>
                  <a:pt x="610" y="32969"/>
                </a:lnTo>
                <a:cubicBezTo>
                  <a:pt x="10579" y="32969"/>
                  <a:pt x="15316" y="28410"/>
                  <a:pt x="15316" y="19749"/>
                </a:cubicBezTo>
                <a:cubicBezTo>
                  <a:pt x="15316" y="11366"/>
                  <a:pt x="10478" y="6617"/>
                  <a:pt x="1537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9" name="Shape 20">
            <a:extLst>
              <a:ext uri="{FF2B5EF4-FFF2-40B4-BE49-F238E27FC236}">
                <a16:creationId xmlns:a16="http://schemas.microsoft.com/office/drawing/2014/main" id="{45F3FCD4-C940-43AB-8FE7-166082904D5D}"/>
              </a:ext>
            </a:extLst>
          </xdr:cNvPr>
          <xdr:cNvSpPr/>
        </xdr:nvSpPr>
        <xdr:spPr>
          <a:xfrm>
            <a:off x="554096" y="18084"/>
            <a:ext cx="27064" cy="67222"/>
          </a:xfrm>
          <a:custGeom>
            <a:avLst/>
            <a:gdLst/>
            <a:ahLst/>
            <a:cxnLst/>
            <a:rect l="0" t="0" r="0" b="0"/>
            <a:pathLst>
              <a:path w="27064" h="67222">
                <a:moveTo>
                  <a:pt x="27064" y="0"/>
                </a:moveTo>
                <a:lnTo>
                  <a:pt x="27064" y="6724"/>
                </a:lnTo>
                <a:lnTo>
                  <a:pt x="26835" y="6605"/>
                </a:lnTo>
                <a:cubicBezTo>
                  <a:pt x="15558" y="6605"/>
                  <a:pt x="7277" y="17121"/>
                  <a:pt x="7277" y="33517"/>
                </a:cubicBezTo>
                <a:cubicBezTo>
                  <a:pt x="7277" y="41708"/>
                  <a:pt x="9417" y="48480"/>
                  <a:pt x="12978" y="53205"/>
                </a:cubicBezTo>
                <a:lnTo>
                  <a:pt x="27064" y="60533"/>
                </a:lnTo>
                <a:lnTo>
                  <a:pt x="27064" y="67191"/>
                </a:lnTo>
                <a:lnTo>
                  <a:pt x="26924" y="67222"/>
                </a:lnTo>
                <a:cubicBezTo>
                  <a:pt x="10719" y="67222"/>
                  <a:pt x="0" y="53354"/>
                  <a:pt x="0" y="33694"/>
                </a:cubicBezTo>
                <a:cubicBezTo>
                  <a:pt x="0" y="18959"/>
                  <a:pt x="6136" y="7367"/>
                  <a:pt x="16041" y="2492"/>
                </a:cubicBezTo>
                <a:lnTo>
                  <a:pt x="27064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0" name="Shape 21">
            <a:extLst>
              <a:ext uri="{FF2B5EF4-FFF2-40B4-BE49-F238E27FC236}">
                <a16:creationId xmlns:a16="http://schemas.microsoft.com/office/drawing/2014/main" id="{00ACE277-59A7-4CC0-8523-DC852EAC3039}"/>
              </a:ext>
            </a:extLst>
          </xdr:cNvPr>
          <xdr:cNvSpPr/>
        </xdr:nvSpPr>
        <xdr:spPr>
          <a:xfrm>
            <a:off x="581160" y="18072"/>
            <a:ext cx="27051" cy="67202"/>
          </a:xfrm>
          <a:custGeom>
            <a:avLst/>
            <a:gdLst/>
            <a:ahLst/>
            <a:cxnLst/>
            <a:rect l="0" t="0" r="0" b="0"/>
            <a:pathLst>
              <a:path w="27051" h="67202">
                <a:moveTo>
                  <a:pt x="51" y="0"/>
                </a:moveTo>
                <a:cubicBezTo>
                  <a:pt x="16243" y="0"/>
                  <a:pt x="27051" y="13881"/>
                  <a:pt x="27051" y="33528"/>
                </a:cubicBezTo>
                <a:cubicBezTo>
                  <a:pt x="27051" y="48263"/>
                  <a:pt x="20872" y="59855"/>
                  <a:pt x="10945" y="64730"/>
                </a:cubicBezTo>
                <a:lnTo>
                  <a:pt x="0" y="67202"/>
                </a:lnTo>
                <a:lnTo>
                  <a:pt x="0" y="60544"/>
                </a:lnTo>
                <a:lnTo>
                  <a:pt x="140" y="60617"/>
                </a:lnTo>
                <a:cubicBezTo>
                  <a:pt x="11405" y="60617"/>
                  <a:pt x="19787" y="50101"/>
                  <a:pt x="19787" y="33706"/>
                </a:cubicBezTo>
                <a:cubicBezTo>
                  <a:pt x="19787" y="25514"/>
                  <a:pt x="17621" y="18742"/>
                  <a:pt x="14037" y="14018"/>
                </a:cubicBezTo>
                <a:lnTo>
                  <a:pt x="0" y="6735"/>
                </a:lnTo>
                <a:lnTo>
                  <a:pt x="0" y="11"/>
                </a:lnTo>
                <a:lnTo>
                  <a:pt x="51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1" name="Shape 22">
            <a:extLst>
              <a:ext uri="{FF2B5EF4-FFF2-40B4-BE49-F238E27FC236}">
                <a16:creationId xmlns:a16="http://schemas.microsoft.com/office/drawing/2014/main" id="{AB837582-7852-4272-9A5B-18BC12EEFFB5}"/>
              </a:ext>
            </a:extLst>
          </xdr:cNvPr>
          <xdr:cNvSpPr/>
        </xdr:nvSpPr>
        <xdr:spPr>
          <a:xfrm>
            <a:off x="622226" y="19088"/>
            <a:ext cx="23038" cy="65189"/>
          </a:xfrm>
          <a:custGeom>
            <a:avLst/>
            <a:gdLst/>
            <a:ahLst/>
            <a:cxnLst/>
            <a:rect l="0" t="0" r="0" b="0"/>
            <a:pathLst>
              <a:path w="23038" h="65189">
                <a:moveTo>
                  <a:pt x="0" y="0"/>
                </a:moveTo>
                <a:lnTo>
                  <a:pt x="23038" y="0"/>
                </a:lnTo>
                <a:lnTo>
                  <a:pt x="23038" y="6617"/>
                </a:lnTo>
                <a:lnTo>
                  <a:pt x="7252" y="6617"/>
                </a:lnTo>
                <a:lnTo>
                  <a:pt x="7252" y="30924"/>
                </a:lnTo>
                <a:lnTo>
                  <a:pt x="23038" y="30924"/>
                </a:lnTo>
                <a:lnTo>
                  <a:pt x="23038" y="38070"/>
                </a:lnTo>
                <a:lnTo>
                  <a:pt x="22720" y="37440"/>
                </a:lnTo>
                <a:lnTo>
                  <a:pt x="7252" y="37440"/>
                </a:lnTo>
                <a:lnTo>
                  <a:pt x="725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2" name="Shape 23">
            <a:extLst>
              <a:ext uri="{FF2B5EF4-FFF2-40B4-BE49-F238E27FC236}">
                <a16:creationId xmlns:a16="http://schemas.microsoft.com/office/drawing/2014/main" id="{9AE66823-8DF9-43EC-8C53-FFE3EE2884C2}"/>
              </a:ext>
            </a:extLst>
          </xdr:cNvPr>
          <xdr:cNvSpPr/>
        </xdr:nvSpPr>
        <xdr:spPr>
          <a:xfrm>
            <a:off x="645264" y="19088"/>
            <a:ext cx="23063" cy="65189"/>
          </a:xfrm>
          <a:custGeom>
            <a:avLst/>
            <a:gdLst/>
            <a:ahLst/>
            <a:cxnLst/>
            <a:rect l="0" t="0" r="0" b="0"/>
            <a:pathLst>
              <a:path w="23063" h="65189">
                <a:moveTo>
                  <a:pt x="0" y="0"/>
                </a:moveTo>
                <a:lnTo>
                  <a:pt x="2756" y="0"/>
                </a:lnTo>
                <a:cubicBezTo>
                  <a:pt x="14211" y="0"/>
                  <a:pt x="23063" y="5880"/>
                  <a:pt x="23063" y="18440"/>
                </a:cubicBezTo>
                <a:cubicBezTo>
                  <a:pt x="23063" y="28600"/>
                  <a:pt x="17005" y="34925"/>
                  <a:pt x="7684" y="36881"/>
                </a:cubicBezTo>
                <a:lnTo>
                  <a:pt x="22035" y="65189"/>
                </a:lnTo>
                <a:lnTo>
                  <a:pt x="13653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3" name="Shape 24">
            <a:extLst>
              <a:ext uri="{FF2B5EF4-FFF2-40B4-BE49-F238E27FC236}">
                <a16:creationId xmlns:a16="http://schemas.microsoft.com/office/drawing/2014/main" id="{6C30C2A8-3304-4768-BE11-9FD9AFE52149}"/>
              </a:ext>
            </a:extLst>
          </xdr:cNvPr>
          <xdr:cNvSpPr/>
        </xdr:nvSpPr>
        <xdr:spPr>
          <a:xfrm>
            <a:off x="678400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31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33" y="13518"/>
                </a:lnTo>
                <a:cubicBezTo>
                  <a:pt x="24187" y="15881"/>
                  <a:pt x="23324" y="18491"/>
                  <a:pt x="22530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32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31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4" name="Shape 25">
            <a:extLst>
              <a:ext uri="{FF2B5EF4-FFF2-40B4-BE49-F238E27FC236}">
                <a16:creationId xmlns:a16="http://schemas.microsoft.com/office/drawing/2014/main" id="{81B5A199-B409-4A08-9BB5-B3D9F19B5000}"/>
              </a:ext>
            </a:extLst>
          </xdr:cNvPr>
          <xdr:cNvSpPr/>
        </xdr:nvSpPr>
        <xdr:spPr>
          <a:xfrm>
            <a:off x="704987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43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692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5" name="Shape 26">
            <a:extLst>
              <a:ext uri="{FF2B5EF4-FFF2-40B4-BE49-F238E27FC236}">
                <a16:creationId xmlns:a16="http://schemas.microsoft.com/office/drawing/2014/main" id="{45BF6B5F-3BED-4B7C-8D2A-77EE20F957BC}"/>
              </a:ext>
            </a:extLst>
          </xdr:cNvPr>
          <xdr:cNvSpPr/>
        </xdr:nvSpPr>
        <xdr:spPr>
          <a:xfrm>
            <a:off x="738177" y="18072"/>
            <a:ext cx="47688" cy="67234"/>
          </a:xfrm>
          <a:custGeom>
            <a:avLst/>
            <a:gdLst/>
            <a:ahLst/>
            <a:cxnLst/>
            <a:rect l="0" t="0" r="0" b="0"/>
            <a:pathLst>
              <a:path w="47688" h="67234">
                <a:moveTo>
                  <a:pt x="26632" y="0"/>
                </a:moveTo>
                <a:cubicBezTo>
                  <a:pt x="35573" y="0"/>
                  <a:pt x="42278" y="3353"/>
                  <a:pt x="47409" y="10427"/>
                </a:cubicBezTo>
                <a:lnTo>
                  <a:pt x="41631" y="14808"/>
                </a:lnTo>
                <a:cubicBezTo>
                  <a:pt x="37440" y="9119"/>
                  <a:pt x="33528" y="6617"/>
                  <a:pt x="26454" y="6617"/>
                </a:cubicBezTo>
                <a:cubicBezTo>
                  <a:pt x="15265" y="6617"/>
                  <a:pt x="7264" y="17691"/>
                  <a:pt x="7264" y="33528"/>
                </a:cubicBezTo>
                <a:cubicBezTo>
                  <a:pt x="7264" y="49454"/>
                  <a:pt x="15557" y="60617"/>
                  <a:pt x="26543" y="60617"/>
                </a:cubicBezTo>
                <a:cubicBezTo>
                  <a:pt x="33630" y="60617"/>
                  <a:pt x="38468" y="57455"/>
                  <a:pt x="42659" y="52057"/>
                </a:cubicBezTo>
                <a:lnTo>
                  <a:pt x="47688" y="56439"/>
                </a:lnTo>
                <a:cubicBezTo>
                  <a:pt x="42939" y="62852"/>
                  <a:pt x="35865" y="67234"/>
                  <a:pt x="26352" y="67234"/>
                </a:cubicBezTo>
                <a:cubicBezTo>
                  <a:pt x="10439" y="67234"/>
                  <a:pt x="0" y="52794"/>
                  <a:pt x="0" y="33706"/>
                </a:cubicBezTo>
                <a:cubicBezTo>
                  <a:pt x="0" y="14338"/>
                  <a:pt x="10897" y="0"/>
                  <a:pt x="26632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6" name="Shape 4032">
            <a:extLst>
              <a:ext uri="{FF2B5EF4-FFF2-40B4-BE49-F238E27FC236}">
                <a16:creationId xmlns:a16="http://schemas.microsoft.com/office/drawing/2014/main" id="{7DB3FC8A-51D6-4376-9190-ACD3224F18B2}"/>
              </a:ext>
            </a:extLst>
          </xdr:cNvPr>
          <xdr:cNvSpPr/>
        </xdr:nvSpPr>
        <xdr:spPr>
          <a:xfrm>
            <a:off x="798043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7" name="Shape 28">
            <a:extLst>
              <a:ext uri="{FF2B5EF4-FFF2-40B4-BE49-F238E27FC236}">
                <a16:creationId xmlns:a16="http://schemas.microsoft.com/office/drawing/2014/main" id="{0A8E1353-39BF-4DEB-8E23-BEC1644D7B01}"/>
              </a:ext>
            </a:extLst>
          </xdr:cNvPr>
          <xdr:cNvSpPr/>
        </xdr:nvSpPr>
        <xdr:spPr>
          <a:xfrm>
            <a:off x="819537" y="18085"/>
            <a:ext cx="27045" cy="67221"/>
          </a:xfrm>
          <a:custGeom>
            <a:avLst/>
            <a:gdLst/>
            <a:ahLst/>
            <a:cxnLst/>
            <a:rect l="0" t="0" r="0" b="0"/>
            <a:pathLst>
              <a:path w="27045" h="67221">
                <a:moveTo>
                  <a:pt x="27045" y="0"/>
                </a:moveTo>
                <a:lnTo>
                  <a:pt x="27045" y="6719"/>
                </a:lnTo>
                <a:lnTo>
                  <a:pt x="26822" y="6604"/>
                </a:lnTo>
                <a:cubicBezTo>
                  <a:pt x="15545" y="6604"/>
                  <a:pt x="7252" y="17119"/>
                  <a:pt x="7252" y="33515"/>
                </a:cubicBezTo>
                <a:cubicBezTo>
                  <a:pt x="7252" y="41707"/>
                  <a:pt x="9398" y="48479"/>
                  <a:pt x="12964" y="53203"/>
                </a:cubicBezTo>
                <a:lnTo>
                  <a:pt x="27045" y="60528"/>
                </a:lnTo>
                <a:lnTo>
                  <a:pt x="27045" y="67191"/>
                </a:lnTo>
                <a:lnTo>
                  <a:pt x="26911" y="67221"/>
                </a:lnTo>
                <a:cubicBezTo>
                  <a:pt x="10693" y="67221"/>
                  <a:pt x="0" y="53352"/>
                  <a:pt x="0" y="33693"/>
                </a:cubicBezTo>
                <a:cubicBezTo>
                  <a:pt x="0" y="18958"/>
                  <a:pt x="6129" y="7366"/>
                  <a:pt x="16031" y="2491"/>
                </a:cubicBezTo>
                <a:lnTo>
                  <a:pt x="27045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8" name="Shape 29">
            <a:extLst>
              <a:ext uri="{FF2B5EF4-FFF2-40B4-BE49-F238E27FC236}">
                <a16:creationId xmlns:a16="http://schemas.microsoft.com/office/drawing/2014/main" id="{F9D5DA32-61BB-40A8-9232-015330CF4206}"/>
              </a:ext>
            </a:extLst>
          </xdr:cNvPr>
          <xdr:cNvSpPr/>
        </xdr:nvSpPr>
        <xdr:spPr>
          <a:xfrm>
            <a:off x="842626" y="8758"/>
            <a:ext cx="3956" cy="6151"/>
          </a:xfrm>
          <a:custGeom>
            <a:avLst/>
            <a:gdLst/>
            <a:ahLst/>
            <a:cxnLst/>
            <a:rect l="0" t="0" r="0" b="0"/>
            <a:pathLst>
              <a:path w="3956" h="6151">
                <a:moveTo>
                  <a:pt x="3956" y="0"/>
                </a:moveTo>
                <a:lnTo>
                  <a:pt x="3956" y="6151"/>
                </a:lnTo>
                <a:lnTo>
                  <a:pt x="0" y="6151"/>
                </a:lnTo>
                <a:lnTo>
                  <a:pt x="3956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9" name="Shape 30">
            <a:extLst>
              <a:ext uri="{FF2B5EF4-FFF2-40B4-BE49-F238E27FC236}">
                <a16:creationId xmlns:a16="http://schemas.microsoft.com/office/drawing/2014/main" id="{C6F5CD31-E860-486E-B787-92E7226F2618}"/>
              </a:ext>
            </a:extLst>
          </xdr:cNvPr>
          <xdr:cNvSpPr/>
        </xdr:nvSpPr>
        <xdr:spPr>
          <a:xfrm>
            <a:off x="846582" y="18072"/>
            <a:ext cx="27057" cy="67204"/>
          </a:xfrm>
          <a:custGeom>
            <a:avLst/>
            <a:gdLst/>
            <a:ahLst/>
            <a:cxnLst/>
            <a:rect l="0" t="0" r="0" b="0"/>
            <a:pathLst>
              <a:path w="27057" h="67204">
                <a:moveTo>
                  <a:pt x="57" y="0"/>
                </a:moveTo>
                <a:cubicBezTo>
                  <a:pt x="16250" y="0"/>
                  <a:pt x="27057" y="13881"/>
                  <a:pt x="27057" y="33528"/>
                </a:cubicBezTo>
                <a:cubicBezTo>
                  <a:pt x="27057" y="48263"/>
                  <a:pt x="20878" y="59855"/>
                  <a:pt x="10952" y="64730"/>
                </a:cubicBezTo>
                <a:lnTo>
                  <a:pt x="0" y="67204"/>
                </a:lnTo>
                <a:lnTo>
                  <a:pt x="0" y="60541"/>
                </a:lnTo>
                <a:lnTo>
                  <a:pt x="146" y="60617"/>
                </a:lnTo>
                <a:cubicBezTo>
                  <a:pt x="11411" y="60617"/>
                  <a:pt x="19793" y="50101"/>
                  <a:pt x="19793" y="33706"/>
                </a:cubicBezTo>
                <a:cubicBezTo>
                  <a:pt x="19793" y="25514"/>
                  <a:pt x="17628" y="18742"/>
                  <a:pt x="14043" y="14018"/>
                </a:cubicBezTo>
                <a:lnTo>
                  <a:pt x="0" y="6732"/>
                </a:lnTo>
                <a:lnTo>
                  <a:pt x="0" y="13"/>
                </a:lnTo>
                <a:lnTo>
                  <a:pt x="57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0" name="Shape 31">
            <a:extLst>
              <a:ext uri="{FF2B5EF4-FFF2-40B4-BE49-F238E27FC236}">
                <a16:creationId xmlns:a16="http://schemas.microsoft.com/office/drawing/2014/main" id="{296D5714-FC04-4DF4-AFE7-8D2BCA460953}"/>
              </a:ext>
            </a:extLst>
          </xdr:cNvPr>
          <xdr:cNvSpPr/>
        </xdr:nvSpPr>
        <xdr:spPr>
          <a:xfrm>
            <a:off x="846582" y="0"/>
            <a:ext cx="15602" cy="14910"/>
          </a:xfrm>
          <a:custGeom>
            <a:avLst/>
            <a:gdLst/>
            <a:ahLst/>
            <a:cxnLst/>
            <a:rect l="0" t="0" r="0" b="0"/>
            <a:pathLst>
              <a:path w="15602" h="14910">
                <a:moveTo>
                  <a:pt x="5632" y="0"/>
                </a:moveTo>
                <a:lnTo>
                  <a:pt x="15602" y="0"/>
                </a:lnTo>
                <a:lnTo>
                  <a:pt x="1543" y="14910"/>
                </a:lnTo>
                <a:lnTo>
                  <a:pt x="0" y="14910"/>
                </a:lnTo>
                <a:lnTo>
                  <a:pt x="0" y="8758"/>
                </a:lnTo>
                <a:lnTo>
                  <a:pt x="5632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1" name="Shape 32">
            <a:extLst>
              <a:ext uri="{FF2B5EF4-FFF2-40B4-BE49-F238E27FC236}">
                <a16:creationId xmlns:a16="http://schemas.microsoft.com/office/drawing/2014/main" id="{CE5636ED-1982-406C-BB97-A1874D339D9A}"/>
              </a:ext>
            </a:extLst>
          </xdr:cNvPr>
          <xdr:cNvSpPr/>
        </xdr:nvSpPr>
        <xdr:spPr>
          <a:xfrm>
            <a:off x="887645" y="19092"/>
            <a:ext cx="46939" cy="65189"/>
          </a:xfrm>
          <a:custGeom>
            <a:avLst/>
            <a:gdLst/>
            <a:ahLst/>
            <a:cxnLst/>
            <a:rect l="0" t="0" r="0" b="0"/>
            <a:pathLst>
              <a:path w="46939" h="65189">
                <a:moveTo>
                  <a:pt x="0" y="0"/>
                </a:moveTo>
                <a:lnTo>
                  <a:pt x="7087" y="0"/>
                </a:lnTo>
                <a:lnTo>
                  <a:pt x="35306" y="45453"/>
                </a:lnTo>
                <a:cubicBezTo>
                  <a:pt x="36690" y="47689"/>
                  <a:pt x="39116" y="51968"/>
                  <a:pt x="39954" y="53645"/>
                </a:cubicBezTo>
                <a:lnTo>
                  <a:pt x="39954" y="0"/>
                </a:lnTo>
                <a:lnTo>
                  <a:pt x="46939" y="0"/>
                </a:lnTo>
                <a:lnTo>
                  <a:pt x="46939" y="65189"/>
                </a:lnTo>
                <a:lnTo>
                  <a:pt x="40145" y="65189"/>
                </a:lnTo>
                <a:lnTo>
                  <a:pt x="11633" y="20587"/>
                </a:lnTo>
                <a:cubicBezTo>
                  <a:pt x="10249" y="18351"/>
                  <a:pt x="7823" y="14072"/>
                  <a:pt x="6985" y="12395"/>
                </a:cubicBezTo>
                <a:lnTo>
                  <a:pt x="6985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2" name="Shape 33">
            <a:extLst>
              <a:ext uri="{FF2B5EF4-FFF2-40B4-BE49-F238E27FC236}">
                <a16:creationId xmlns:a16="http://schemas.microsoft.com/office/drawing/2014/main" id="{F16C824F-3EA5-43E7-8FD6-4F1EAB70C0A6}"/>
              </a:ext>
            </a:extLst>
          </xdr:cNvPr>
          <xdr:cNvSpPr/>
        </xdr:nvSpPr>
        <xdr:spPr>
          <a:xfrm>
            <a:off x="975453" y="19088"/>
            <a:ext cx="46927" cy="66218"/>
          </a:xfrm>
          <a:custGeom>
            <a:avLst/>
            <a:gdLst/>
            <a:ahLst/>
            <a:cxnLst/>
            <a:rect l="0" t="0" r="0" b="0"/>
            <a:pathLst>
              <a:path w="46927" h="66218">
                <a:moveTo>
                  <a:pt x="0" y="0"/>
                </a:moveTo>
                <a:lnTo>
                  <a:pt x="7252" y="0"/>
                </a:lnTo>
                <a:lnTo>
                  <a:pt x="7252" y="38557"/>
                </a:lnTo>
                <a:cubicBezTo>
                  <a:pt x="7252" y="52629"/>
                  <a:pt x="12662" y="59601"/>
                  <a:pt x="23927" y="59601"/>
                </a:cubicBezTo>
                <a:cubicBezTo>
                  <a:pt x="35192" y="59601"/>
                  <a:pt x="39662" y="52807"/>
                  <a:pt x="39662" y="38748"/>
                </a:cubicBezTo>
                <a:lnTo>
                  <a:pt x="39662" y="0"/>
                </a:lnTo>
                <a:lnTo>
                  <a:pt x="46927" y="0"/>
                </a:lnTo>
                <a:lnTo>
                  <a:pt x="46927" y="38557"/>
                </a:lnTo>
                <a:cubicBezTo>
                  <a:pt x="46927" y="56629"/>
                  <a:pt x="39192" y="66218"/>
                  <a:pt x="23546" y="66218"/>
                </a:cubicBezTo>
                <a:cubicBezTo>
                  <a:pt x="8001" y="66218"/>
                  <a:pt x="0" y="56807"/>
                  <a:pt x="0" y="38748"/>
                </a:cubicBez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3" name="Shape 34">
            <a:extLst>
              <a:ext uri="{FF2B5EF4-FFF2-40B4-BE49-F238E27FC236}">
                <a16:creationId xmlns:a16="http://schemas.microsoft.com/office/drawing/2014/main" id="{681F15D1-49B1-4B5E-A035-1669CD2797BD}"/>
              </a:ext>
            </a:extLst>
          </xdr:cNvPr>
          <xdr:cNvSpPr/>
        </xdr:nvSpPr>
        <xdr:spPr>
          <a:xfrm>
            <a:off x="1038888" y="19092"/>
            <a:ext cx="46939" cy="65189"/>
          </a:xfrm>
          <a:custGeom>
            <a:avLst/>
            <a:gdLst/>
            <a:ahLst/>
            <a:cxnLst/>
            <a:rect l="0" t="0" r="0" b="0"/>
            <a:pathLst>
              <a:path w="46939" h="65189">
                <a:moveTo>
                  <a:pt x="0" y="0"/>
                </a:moveTo>
                <a:lnTo>
                  <a:pt x="7087" y="0"/>
                </a:lnTo>
                <a:lnTo>
                  <a:pt x="35306" y="45453"/>
                </a:lnTo>
                <a:cubicBezTo>
                  <a:pt x="36690" y="47689"/>
                  <a:pt x="39116" y="51968"/>
                  <a:pt x="39954" y="53645"/>
                </a:cubicBezTo>
                <a:lnTo>
                  <a:pt x="39954" y="0"/>
                </a:lnTo>
                <a:lnTo>
                  <a:pt x="46939" y="0"/>
                </a:lnTo>
                <a:lnTo>
                  <a:pt x="46939" y="65189"/>
                </a:lnTo>
                <a:lnTo>
                  <a:pt x="40145" y="65189"/>
                </a:lnTo>
                <a:lnTo>
                  <a:pt x="11646" y="20587"/>
                </a:lnTo>
                <a:cubicBezTo>
                  <a:pt x="10249" y="18351"/>
                  <a:pt x="7823" y="14072"/>
                  <a:pt x="6985" y="12395"/>
                </a:cubicBezTo>
                <a:lnTo>
                  <a:pt x="6985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4" name="Shape 4033">
            <a:extLst>
              <a:ext uri="{FF2B5EF4-FFF2-40B4-BE49-F238E27FC236}">
                <a16:creationId xmlns:a16="http://schemas.microsoft.com/office/drawing/2014/main" id="{FE9DA2FF-BA0C-4300-A836-808A5C1A200B}"/>
              </a:ext>
            </a:extLst>
          </xdr:cNvPr>
          <xdr:cNvSpPr/>
        </xdr:nvSpPr>
        <xdr:spPr>
          <a:xfrm>
            <a:off x="1102932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5" name="Shape 36">
            <a:extLst>
              <a:ext uri="{FF2B5EF4-FFF2-40B4-BE49-F238E27FC236}">
                <a16:creationId xmlns:a16="http://schemas.microsoft.com/office/drawing/2014/main" id="{93E1B334-A4F3-420F-9B76-8709129EE834}"/>
              </a:ext>
            </a:extLst>
          </xdr:cNvPr>
          <xdr:cNvSpPr/>
        </xdr:nvSpPr>
        <xdr:spPr>
          <a:xfrm>
            <a:off x="1122214" y="19092"/>
            <a:ext cx="52337" cy="65189"/>
          </a:xfrm>
          <a:custGeom>
            <a:avLst/>
            <a:gdLst/>
            <a:ahLst/>
            <a:cxnLst/>
            <a:rect l="0" t="0" r="0" b="0"/>
            <a:pathLst>
              <a:path w="52337" h="65189">
                <a:moveTo>
                  <a:pt x="0" y="0"/>
                </a:moveTo>
                <a:lnTo>
                  <a:pt x="7633" y="0"/>
                </a:lnTo>
                <a:lnTo>
                  <a:pt x="22161" y="44615"/>
                </a:lnTo>
                <a:cubicBezTo>
                  <a:pt x="23470" y="48527"/>
                  <a:pt x="25514" y="55131"/>
                  <a:pt x="26175" y="57468"/>
                </a:cubicBezTo>
                <a:cubicBezTo>
                  <a:pt x="26822" y="55131"/>
                  <a:pt x="29045" y="48247"/>
                  <a:pt x="30264" y="44425"/>
                </a:cubicBezTo>
                <a:lnTo>
                  <a:pt x="44882" y="0"/>
                </a:lnTo>
                <a:lnTo>
                  <a:pt x="52337" y="0"/>
                </a:lnTo>
                <a:lnTo>
                  <a:pt x="30163" y="65189"/>
                </a:lnTo>
                <a:lnTo>
                  <a:pt x="22161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6" name="Shape 37">
            <a:extLst>
              <a:ext uri="{FF2B5EF4-FFF2-40B4-BE49-F238E27FC236}">
                <a16:creationId xmlns:a16="http://schemas.microsoft.com/office/drawing/2014/main" id="{1848F24D-8A96-4EF6-AD13-5AB27162E3D6}"/>
              </a:ext>
            </a:extLst>
          </xdr:cNvPr>
          <xdr:cNvSpPr/>
        </xdr:nvSpPr>
        <xdr:spPr>
          <a:xfrm>
            <a:off x="1186463" y="19092"/>
            <a:ext cx="40792" cy="65189"/>
          </a:xfrm>
          <a:custGeom>
            <a:avLst/>
            <a:gdLst/>
            <a:ahLst/>
            <a:cxnLst/>
            <a:rect l="0" t="0" r="0" b="0"/>
            <a:pathLst>
              <a:path w="40792" h="65189">
                <a:moveTo>
                  <a:pt x="0" y="0"/>
                </a:moveTo>
                <a:lnTo>
                  <a:pt x="39395" y="0"/>
                </a:lnTo>
                <a:lnTo>
                  <a:pt x="39395" y="6617"/>
                </a:lnTo>
                <a:lnTo>
                  <a:pt x="7264" y="6617"/>
                </a:lnTo>
                <a:lnTo>
                  <a:pt x="7264" y="27102"/>
                </a:lnTo>
                <a:lnTo>
                  <a:pt x="25883" y="27102"/>
                </a:lnTo>
                <a:lnTo>
                  <a:pt x="25883" y="33706"/>
                </a:lnTo>
                <a:lnTo>
                  <a:pt x="7264" y="33706"/>
                </a:lnTo>
                <a:lnTo>
                  <a:pt x="7264" y="58572"/>
                </a:lnTo>
                <a:lnTo>
                  <a:pt x="40792" y="58572"/>
                </a:lnTo>
                <a:lnTo>
                  <a:pt x="4079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7" name="Shape 38">
            <a:extLst>
              <a:ext uri="{FF2B5EF4-FFF2-40B4-BE49-F238E27FC236}">
                <a16:creationId xmlns:a16="http://schemas.microsoft.com/office/drawing/2014/main" id="{B2CD9465-E947-42D4-AE2E-6F1ED01FEE1E}"/>
              </a:ext>
            </a:extLst>
          </xdr:cNvPr>
          <xdr:cNvSpPr/>
        </xdr:nvSpPr>
        <xdr:spPr>
          <a:xfrm>
            <a:off x="1239294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3051" y="0"/>
                </a:lnTo>
                <a:lnTo>
                  <a:pt x="23051" y="6617"/>
                </a:lnTo>
                <a:lnTo>
                  <a:pt x="7264" y="6617"/>
                </a:lnTo>
                <a:lnTo>
                  <a:pt x="7264" y="30924"/>
                </a:lnTo>
                <a:lnTo>
                  <a:pt x="23051" y="30924"/>
                </a:lnTo>
                <a:lnTo>
                  <a:pt x="23051" y="38070"/>
                </a:lnTo>
                <a:lnTo>
                  <a:pt x="22733" y="37440"/>
                </a:lnTo>
                <a:lnTo>
                  <a:pt x="7264" y="37440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8" name="Shape 39">
            <a:extLst>
              <a:ext uri="{FF2B5EF4-FFF2-40B4-BE49-F238E27FC236}">
                <a16:creationId xmlns:a16="http://schemas.microsoft.com/office/drawing/2014/main" id="{52473600-4957-4E13-965B-0BF4D13B7EBC}"/>
              </a:ext>
            </a:extLst>
          </xdr:cNvPr>
          <xdr:cNvSpPr/>
        </xdr:nvSpPr>
        <xdr:spPr>
          <a:xfrm>
            <a:off x="1262345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56" y="0"/>
                </a:lnTo>
                <a:cubicBezTo>
                  <a:pt x="14199" y="0"/>
                  <a:pt x="23051" y="5880"/>
                  <a:pt x="23051" y="18440"/>
                </a:cubicBezTo>
                <a:cubicBezTo>
                  <a:pt x="23051" y="28600"/>
                  <a:pt x="17005" y="34925"/>
                  <a:pt x="7683" y="36881"/>
                </a:cubicBezTo>
                <a:lnTo>
                  <a:pt x="22022" y="65189"/>
                </a:lnTo>
                <a:lnTo>
                  <a:pt x="13652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9" name="Shape 40">
            <a:extLst>
              <a:ext uri="{FF2B5EF4-FFF2-40B4-BE49-F238E27FC236}">
                <a16:creationId xmlns:a16="http://schemas.microsoft.com/office/drawing/2014/main" id="{A5727CCB-D2B6-42E6-B3D2-EF9F90C35DFD}"/>
              </a:ext>
            </a:extLst>
          </xdr:cNvPr>
          <xdr:cNvSpPr/>
        </xdr:nvSpPr>
        <xdr:spPr>
          <a:xfrm>
            <a:off x="1295140" y="18072"/>
            <a:ext cx="43485" cy="67234"/>
          </a:xfrm>
          <a:custGeom>
            <a:avLst/>
            <a:gdLst/>
            <a:ahLst/>
            <a:cxnLst/>
            <a:rect l="0" t="0" r="0" b="0"/>
            <a:pathLst>
              <a:path w="43485" h="67234">
                <a:moveTo>
                  <a:pt x="22250" y="0"/>
                </a:moveTo>
                <a:cubicBezTo>
                  <a:pt x="31001" y="0"/>
                  <a:pt x="36589" y="2604"/>
                  <a:pt x="42075" y="6985"/>
                </a:cubicBezTo>
                <a:lnTo>
                  <a:pt x="37427" y="12662"/>
                </a:lnTo>
                <a:cubicBezTo>
                  <a:pt x="32677" y="8750"/>
                  <a:pt x="28296" y="6617"/>
                  <a:pt x="21780" y="6617"/>
                </a:cubicBezTo>
                <a:cubicBezTo>
                  <a:pt x="12852" y="6617"/>
                  <a:pt x="9119" y="11074"/>
                  <a:pt x="9119" y="16205"/>
                </a:cubicBezTo>
                <a:cubicBezTo>
                  <a:pt x="9119" y="21603"/>
                  <a:pt x="11532" y="24676"/>
                  <a:pt x="24574" y="29337"/>
                </a:cubicBezTo>
                <a:cubicBezTo>
                  <a:pt x="39014" y="34544"/>
                  <a:pt x="43485" y="39395"/>
                  <a:pt x="43485" y="49073"/>
                </a:cubicBezTo>
                <a:cubicBezTo>
                  <a:pt x="43485" y="59322"/>
                  <a:pt x="35471" y="67234"/>
                  <a:pt x="21869" y="67234"/>
                </a:cubicBezTo>
                <a:cubicBezTo>
                  <a:pt x="13030" y="67234"/>
                  <a:pt x="5118" y="63411"/>
                  <a:pt x="0" y="58204"/>
                </a:cubicBezTo>
                <a:lnTo>
                  <a:pt x="4826" y="52794"/>
                </a:lnTo>
                <a:cubicBezTo>
                  <a:pt x="9766" y="57556"/>
                  <a:pt x="15456" y="60617"/>
                  <a:pt x="22149" y="60617"/>
                </a:cubicBezTo>
                <a:cubicBezTo>
                  <a:pt x="30810" y="60617"/>
                  <a:pt x="36220" y="56337"/>
                  <a:pt x="36220" y="49454"/>
                </a:cubicBezTo>
                <a:cubicBezTo>
                  <a:pt x="36220" y="43396"/>
                  <a:pt x="32588" y="39954"/>
                  <a:pt x="20663" y="35662"/>
                </a:cubicBezTo>
                <a:cubicBezTo>
                  <a:pt x="6604" y="30632"/>
                  <a:pt x="1854" y="26073"/>
                  <a:pt x="1854" y="16675"/>
                </a:cubicBezTo>
                <a:cubicBezTo>
                  <a:pt x="1854" y="6236"/>
                  <a:pt x="10058" y="0"/>
                  <a:pt x="22250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0" name="Shape 4034">
            <a:extLst>
              <a:ext uri="{FF2B5EF4-FFF2-40B4-BE49-F238E27FC236}">
                <a16:creationId xmlns:a16="http://schemas.microsoft.com/office/drawing/2014/main" id="{BED0BEBF-4D1C-499C-A8F5-53E293C9D4C2}"/>
              </a:ext>
            </a:extLst>
          </xdr:cNvPr>
          <xdr:cNvSpPr/>
        </xdr:nvSpPr>
        <xdr:spPr>
          <a:xfrm>
            <a:off x="1352766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1" name="Shape 42">
            <a:extLst>
              <a:ext uri="{FF2B5EF4-FFF2-40B4-BE49-F238E27FC236}">
                <a16:creationId xmlns:a16="http://schemas.microsoft.com/office/drawing/2014/main" id="{53592E3B-08FA-439D-9BA5-3F4BB68DA239}"/>
              </a:ext>
            </a:extLst>
          </xdr:cNvPr>
          <xdr:cNvSpPr/>
        </xdr:nvSpPr>
        <xdr:spPr>
          <a:xfrm>
            <a:off x="1371843" y="19087"/>
            <a:ext cx="45631" cy="65189"/>
          </a:xfrm>
          <a:custGeom>
            <a:avLst/>
            <a:gdLst/>
            <a:ahLst/>
            <a:cxnLst/>
            <a:rect l="0" t="0" r="0" b="0"/>
            <a:pathLst>
              <a:path w="45631" h="65189">
                <a:moveTo>
                  <a:pt x="0" y="0"/>
                </a:moveTo>
                <a:lnTo>
                  <a:pt x="45631" y="0"/>
                </a:lnTo>
                <a:lnTo>
                  <a:pt x="45631" y="6617"/>
                </a:lnTo>
                <a:lnTo>
                  <a:pt x="26454" y="6617"/>
                </a:lnTo>
                <a:lnTo>
                  <a:pt x="26454" y="65189"/>
                </a:lnTo>
                <a:lnTo>
                  <a:pt x="19190" y="65189"/>
                </a:lnTo>
                <a:lnTo>
                  <a:pt x="19190" y="6617"/>
                </a:ln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2" name="Shape 43">
            <a:extLst>
              <a:ext uri="{FF2B5EF4-FFF2-40B4-BE49-F238E27FC236}">
                <a16:creationId xmlns:a16="http://schemas.microsoft.com/office/drawing/2014/main" id="{3A8D1408-E545-46F4-92E4-58C1EFCE609A}"/>
              </a:ext>
            </a:extLst>
          </xdr:cNvPr>
          <xdr:cNvSpPr/>
        </xdr:nvSpPr>
        <xdr:spPr>
          <a:xfrm>
            <a:off x="1417522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19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29" y="13518"/>
                </a:lnTo>
                <a:cubicBezTo>
                  <a:pt x="24184" y="15881"/>
                  <a:pt x="23324" y="18491"/>
                  <a:pt x="22530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19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19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3" name="Shape 44">
            <a:extLst>
              <a:ext uri="{FF2B5EF4-FFF2-40B4-BE49-F238E27FC236}">
                <a16:creationId xmlns:a16="http://schemas.microsoft.com/office/drawing/2014/main" id="{5D5C1EA2-0700-43E1-BF9A-F0E7304144C4}"/>
              </a:ext>
            </a:extLst>
          </xdr:cNvPr>
          <xdr:cNvSpPr/>
        </xdr:nvSpPr>
        <xdr:spPr>
          <a:xfrm>
            <a:off x="1444109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43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692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4" name="Shape 45">
            <a:extLst>
              <a:ext uri="{FF2B5EF4-FFF2-40B4-BE49-F238E27FC236}">
                <a16:creationId xmlns:a16="http://schemas.microsoft.com/office/drawing/2014/main" id="{02744DDF-957C-41A2-853E-E9EC0F392B0E}"/>
              </a:ext>
            </a:extLst>
          </xdr:cNvPr>
          <xdr:cNvSpPr/>
        </xdr:nvSpPr>
        <xdr:spPr>
          <a:xfrm>
            <a:off x="1482697" y="19088"/>
            <a:ext cx="23050" cy="65189"/>
          </a:xfrm>
          <a:custGeom>
            <a:avLst/>
            <a:gdLst/>
            <a:ahLst/>
            <a:cxnLst/>
            <a:rect l="0" t="0" r="0" b="0"/>
            <a:pathLst>
              <a:path w="23050" h="65189">
                <a:moveTo>
                  <a:pt x="0" y="0"/>
                </a:moveTo>
                <a:lnTo>
                  <a:pt x="23050" y="0"/>
                </a:lnTo>
                <a:lnTo>
                  <a:pt x="23050" y="6617"/>
                </a:lnTo>
                <a:lnTo>
                  <a:pt x="7264" y="6617"/>
                </a:lnTo>
                <a:lnTo>
                  <a:pt x="7264" y="30924"/>
                </a:lnTo>
                <a:lnTo>
                  <a:pt x="23050" y="30924"/>
                </a:lnTo>
                <a:lnTo>
                  <a:pt x="23050" y="38094"/>
                </a:lnTo>
                <a:lnTo>
                  <a:pt x="22720" y="37440"/>
                </a:lnTo>
                <a:lnTo>
                  <a:pt x="7264" y="37440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5" name="Shape 46">
            <a:extLst>
              <a:ext uri="{FF2B5EF4-FFF2-40B4-BE49-F238E27FC236}">
                <a16:creationId xmlns:a16="http://schemas.microsoft.com/office/drawing/2014/main" id="{364BF299-D814-4E2C-9FB7-EC204C21090A}"/>
              </a:ext>
            </a:extLst>
          </xdr:cNvPr>
          <xdr:cNvSpPr/>
        </xdr:nvSpPr>
        <xdr:spPr>
          <a:xfrm>
            <a:off x="1505747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43" y="0"/>
                </a:lnTo>
                <a:cubicBezTo>
                  <a:pt x="14199" y="0"/>
                  <a:pt x="23051" y="5880"/>
                  <a:pt x="23051" y="18440"/>
                </a:cubicBezTo>
                <a:cubicBezTo>
                  <a:pt x="23051" y="28600"/>
                  <a:pt x="16993" y="34925"/>
                  <a:pt x="7684" y="36881"/>
                </a:cubicBezTo>
                <a:lnTo>
                  <a:pt x="22022" y="65189"/>
                </a:lnTo>
                <a:lnTo>
                  <a:pt x="13653" y="65189"/>
                </a:lnTo>
                <a:lnTo>
                  <a:pt x="0" y="38094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14" y="30924"/>
                  <a:pt x="15786" y="26911"/>
                  <a:pt x="15786" y="18720"/>
                </a:cubicBezTo>
                <a:cubicBezTo>
                  <a:pt x="15786" y="10719"/>
                  <a:pt x="11125" y="6617"/>
                  <a:pt x="2464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6" name="Shape 4035">
            <a:extLst>
              <a:ext uri="{FF2B5EF4-FFF2-40B4-BE49-F238E27FC236}">
                <a16:creationId xmlns:a16="http://schemas.microsoft.com/office/drawing/2014/main" id="{BE0A87DA-41B5-4295-B143-8BC9F22C601F}"/>
              </a:ext>
            </a:extLst>
          </xdr:cNvPr>
          <xdr:cNvSpPr/>
        </xdr:nvSpPr>
        <xdr:spPr>
          <a:xfrm>
            <a:off x="1542860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7" name="Shape 48">
            <a:extLst>
              <a:ext uri="{FF2B5EF4-FFF2-40B4-BE49-F238E27FC236}">
                <a16:creationId xmlns:a16="http://schemas.microsoft.com/office/drawing/2014/main" id="{FBE995D3-45B7-4B53-ADD8-50EC14D73654}"/>
              </a:ext>
            </a:extLst>
          </xdr:cNvPr>
          <xdr:cNvSpPr/>
        </xdr:nvSpPr>
        <xdr:spPr>
          <a:xfrm>
            <a:off x="1562123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19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30" y="13518"/>
                </a:lnTo>
                <a:cubicBezTo>
                  <a:pt x="24187" y="15881"/>
                  <a:pt x="23330" y="18491"/>
                  <a:pt x="22543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32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19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8" name="Shape 49">
            <a:extLst>
              <a:ext uri="{FF2B5EF4-FFF2-40B4-BE49-F238E27FC236}">
                <a16:creationId xmlns:a16="http://schemas.microsoft.com/office/drawing/2014/main" id="{F7AF1730-FD75-4F69-B389-24BFC9181C67}"/>
              </a:ext>
            </a:extLst>
          </xdr:cNvPr>
          <xdr:cNvSpPr/>
        </xdr:nvSpPr>
        <xdr:spPr>
          <a:xfrm>
            <a:off x="1588710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56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705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</xdr:grpSp>
    <xdr:clientData/>
  </xdr:twoCellAnchor>
  <xdr:twoCellAnchor>
    <xdr:from>
      <xdr:col>2</xdr:col>
      <xdr:colOff>628650</xdr:colOff>
      <xdr:row>9</xdr:row>
      <xdr:rowOff>57150</xdr:rowOff>
    </xdr:from>
    <xdr:to>
      <xdr:col>2</xdr:col>
      <xdr:colOff>866775</xdr:colOff>
      <xdr:row>9</xdr:row>
      <xdr:rowOff>285750</xdr:rowOff>
    </xdr:to>
    <xdr:sp macro="" textlink="">
      <xdr:nvSpPr>
        <xdr:cNvPr id="49" name="Rectángulo 48">
          <a:extLst>
            <a:ext uri="{FF2B5EF4-FFF2-40B4-BE49-F238E27FC236}">
              <a16:creationId xmlns:a16="http://schemas.microsoft.com/office/drawing/2014/main" id="{913BAAAB-1983-4BF5-AF15-0004B1E248C8}"/>
            </a:ext>
          </a:extLst>
        </xdr:cNvPr>
        <xdr:cNvSpPr/>
      </xdr:nvSpPr>
      <xdr:spPr>
        <a:xfrm>
          <a:off x="1419225" y="2590800"/>
          <a:ext cx="238125" cy="2286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X</a:t>
          </a:r>
        </a:p>
      </xdr:txBody>
    </xdr:sp>
    <xdr:clientData/>
  </xdr:twoCellAnchor>
  <xdr:twoCellAnchor>
    <xdr:from>
      <xdr:col>3</xdr:col>
      <xdr:colOff>647700</xdr:colOff>
      <xdr:row>9</xdr:row>
      <xdr:rowOff>57150</xdr:rowOff>
    </xdr:from>
    <xdr:to>
      <xdr:col>4</xdr:col>
      <xdr:colOff>82550</xdr:colOff>
      <xdr:row>9</xdr:row>
      <xdr:rowOff>279400</xdr:rowOff>
    </xdr:to>
    <xdr:sp macro="" textlink="">
      <xdr:nvSpPr>
        <xdr:cNvPr id="50" name="Rectángulo 49">
          <a:extLst>
            <a:ext uri="{FF2B5EF4-FFF2-40B4-BE49-F238E27FC236}">
              <a16:creationId xmlns:a16="http://schemas.microsoft.com/office/drawing/2014/main" id="{830F27EF-A251-42D5-892F-938B44B06E4F}"/>
            </a:ext>
          </a:extLst>
        </xdr:cNvPr>
        <xdr:cNvSpPr/>
      </xdr:nvSpPr>
      <xdr:spPr>
        <a:xfrm>
          <a:off x="2676525" y="2590800"/>
          <a:ext cx="273050" cy="2222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6</xdr:col>
      <xdr:colOff>38100</xdr:colOff>
      <xdr:row>9</xdr:row>
      <xdr:rowOff>47625</xdr:rowOff>
    </xdr:from>
    <xdr:to>
      <xdr:col>6</xdr:col>
      <xdr:colOff>323850</xdr:colOff>
      <xdr:row>9</xdr:row>
      <xdr:rowOff>304800</xdr:rowOff>
    </xdr:to>
    <xdr:sp macro="" textlink="">
      <xdr:nvSpPr>
        <xdr:cNvPr id="51" name="Rectángulo 50">
          <a:extLst>
            <a:ext uri="{FF2B5EF4-FFF2-40B4-BE49-F238E27FC236}">
              <a16:creationId xmlns:a16="http://schemas.microsoft.com/office/drawing/2014/main" id="{A0CB2DA3-D1E1-407E-8759-D8A2737FB597}"/>
            </a:ext>
          </a:extLst>
        </xdr:cNvPr>
        <xdr:cNvSpPr/>
      </xdr:nvSpPr>
      <xdr:spPr>
        <a:xfrm>
          <a:off x="4333875" y="2581275"/>
          <a:ext cx="285750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D</a:t>
          </a:r>
        </a:p>
      </xdr:txBody>
    </xdr:sp>
    <xdr:clientData/>
  </xdr:twoCellAnchor>
  <xdr:twoCellAnchor>
    <xdr:from>
      <xdr:col>6</xdr:col>
      <xdr:colOff>447675</xdr:colOff>
      <xdr:row>9</xdr:row>
      <xdr:rowOff>47625</xdr:rowOff>
    </xdr:from>
    <xdr:to>
      <xdr:col>6</xdr:col>
      <xdr:colOff>733425</xdr:colOff>
      <xdr:row>9</xdr:row>
      <xdr:rowOff>304800</xdr:rowOff>
    </xdr:to>
    <xdr:sp macro="" textlink="">
      <xdr:nvSpPr>
        <xdr:cNvPr id="52" name="Rectángulo 51">
          <a:extLst>
            <a:ext uri="{FF2B5EF4-FFF2-40B4-BE49-F238E27FC236}">
              <a16:creationId xmlns:a16="http://schemas.microsoft.com/office/drawing/2014/main" id="{02876FE0-422B-402D-BEF4-90ECE0AC42D5}"/>
            </a:ext>
          </a:extLst>
        </xdr:cNvPr>
        <xdr:cNvSpPr/>
      </xdr:nvSpPr>
      <xdr:spPr>
        <a:xfrm>
          <a:off x="4743450" y="2581275"/>
          <a:ext cx="285750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X</a:t>
          </a:r>
        </a:p>
      </xdr:txBody>
    </xdr:sp>
    <xdr:clientData/>
  </xdr:twoCellAnchor>
  <xdr:twoCellAnchor>
    <xdr:from>
      <xdr:col>2</xdr:col>
      <xdr:colOff>9526</xdr:colOff>
      <xdr:row>18</xdr:row>
      <xdr:rowOff>19051</xdr:rowOff>
    </xdr:from>
    <xdr:to>
      <xdr:col>2</xdr:col>
      <xdr:colOff>181110</xdr:colOff>
      <xdr:row>18</xdr:row>
      <xdr:rowOff>181109</xdr:rowOff>
    </xdr:to>
    <xdr:sp macro="" textlink="">
      <xdr:nvSpPr>
        <xdr:cNvPr id="98" name="Rectángulo 97">
          <a:extLst>
            <a:ext uri="{FF2B5EF4-FFF2-40B4-BE49-F238E27FC236}">
              <a16:creationId xmlns:a16="http://schemas.microsoft.com/office/drawing/2014/main" id="{2AE4DB2C-73B5-4797-A7A3-8220A0CB7403}"/>
            </a:ext>
          </a:extLst>
        </xdr:cNvPr>
        <xdr:cNvSpPr/>
      </xdr:nvSpPr>
      <xdr:spPr>
        <a:xfrm>
          <a:off x="800101" y="4648201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x1</a:t>
          </a:r>
        </a:p>
      </xdr:txBody>
    </xdr:sp>
    <xdr:clientData/>
  </xdr:twoCellAnchor>
  <xdr:twoCellAnchor>
    <xdr:from>
      <xdr:col>3</xdr:col>
      <xdr:colOff>610674</xdr:colOff>
      <xdr:row>18</xdr:row>
      <xdr:rowOff>12342</xdr:rowOff>
    </xdr:from>
    <xdr:to>
      <xdr:col>4</xdr:col>
      <xdr:colOff>107324</xdr:colOff>
      <xdr:row>18</xdr:row>
      <xdr:rowOff>174401</xdr:rowOff>
    </xdr:to>
    <xdr:sp macro="" textlink="">
      <xdr:nvSpPr>
        <xdr:cNvPr id="99" name="Rectángulo 98">
          <a:extLst>
            <a:ext uri="{FF2B5EF4-FFF2-40B4-BE49-F238E27FC236}">
              <a16:creationId xmlns:a16="http://schemas.microsoft.com/office/drawing/2014/main" id="{C0DA3F9E-5897-4839-BD3E-90EAD1561887}"/>
            </a:ext>
          </a:extLst>
        </xdr:cNvPr>
        <xdr:cNvSpPr/>
      </xdr:nvSpPr>
      <xdr:spPr>
        <a:xfrm>
          <a:off x="2639499" y="4641492"/>
          <a:ext cx="334850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CPG</a:t>
          </a:r>
        </a:p>
      </xdr:txBody>
    </xdr:sp>
    <xdr:clientData/>
  </xdr:twoCellAnchor>
  <xdr:twoCellAnchor>
    <xdr:from>
      <xdr:col>4</xdr:col>
      <xdr:colOff>139789</xdr:colOff>
      <xdr:row>18</xdr:row>
      <xdr:rowOff>12342</xdr:rowOff>
    </xdr:from>
    <xdr:to>
      <xdr:col>4</xdr:col>
      <xdr:colOff>449418</xdr:colOff>
      <xdr:row>18</xdr:row>
      <xdr:rowOff>174401</xdr:rowOff>
    </xdr:to>
    <xdr:sp macro="" textlink="">
      <xdr:nvSpPr>
        <xdr:cNvPr id="100" name="Rectángulo 99">
          <a:extLst>
            <a:ext uri="{FF2B5EF4-FFF2-40B4-BE49-F238E27FC236}">
              <a16:creationId xmlns:a16="http://schemas.microsoft.com/office/drawing/2014/main" id="{B5B06D04-75EC-442A-98A2-3BC65260EC66}"/>
            </a:ext>
          </a:extLst>
        </xdr:cNvPr>
        <xdr:cNvSpPr/>
      </xdr:nvSpPr>
      <xdr:spPr>
        <a:xfrm>
          <a:off x="3006814" y="4641492"/>
          <a:ext cx="309629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TID</a:t>
          </a:r>
        </a:p>
      </xdr:txBody>
    </xdr:sp>
    <xdr:clientData/>
  </xdr:twoCellAnchor>
  <xdr:twoCellAnchor>
    <xdr:from>
      <xdr:col>4</xdr:col>
      <xdr:colOff>480275</xdr:colOff>
      <xdr:row>18</xdr:row>
      <xdr:rowOff>12342</xdr:rowOff>
    </xdr:from>
    <xdr:to>
      <xdr:col>5</xdr:col>
      <xdr:colOff>194525</xdr:colOff>
      <xdr:row>18</xdr:row>
      <xdr:rowOff>174401</xdr:rowOff>
    </xdr:to>
    <xdr:sp macro="" textlink="">
      <xdr:nvSpPr>
        <xdr:cNvPr id="101" name="Rectángulo 100">
          <a:extLst>
            <a:ext uri="{FF2B5EF4-FFF2-40B4-BE49-F238E27FC236}">
              <a16:creationId xmlns:a16="http://schemas.microsoft.com/office/drawing/2014/main" id="{1E329B59-5940-46FF-A06D-DF30D153D6F2}"/>
            </a:ext>
          </a:extLst>
        </xdr:cNvPr>
        <xdr:cNvSpPr/>
      </xdr:nvSpPr>
      <xdr:spPr>
        <a:xfrm>
          <a:off x="3347300" y="4641492"/>
          <a:ext cx="304800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TIS</a:t>
          </a:r>
        </a:p>
      </xdr:txBody>
    </xdr:sp>
    <xdr:clientData/>
  </xdr:twoCellAnchor>
  <xdr:twoCellAnchor>
    <xdr:from>
      <xdr:col>2</xdr:col>
      <xdr:colOff>304800</xdr:colOff>
      <xdr:row>21</xdr:row>
      <xdr:rowOff>9526</xdr:rowOff>
    </xdr:from>
    <xdr:to>
      <xdr:col>2</xdr:col>
      <xdr:colOff>1047750</xdr:colOff>
      <xdr:row>21</xdr:row>
      <xdr:rowOff>238126</xdr:rowOff>
    </xdr:to>
    <xdr:sp macro="" textlink="">
      <xdr:nvSpPr>
        <xdr:cNvPr id="102" name="Rectángulo 101">
          <a:extLst>
            <a:ext uri="{FF2B5EF4-FFF2-40B4-BE49-F238E27FC236}">
              <a16:creationId xmlns:a16="http://schemas.microsoft.com/office/drawing/2014/main" id="{ABFEAC58-D281-47CC-A66D-2C74226050B2}"/>
            </a:ext>
          </a:extLst>
        </xdr:cNvPr>
        <xdr:cNvSpPr/>
      </xdr:nvSpPr>
      <xdr:spPr>
        <a:xfrm>
          <a:off x="1095375" y="5210176"/>
          <a:ext cx="742950" cy="2286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700" b="1"/>
        </a:p>
      </xdr:txBody>
    </xdr:sp>
    <xdr:clientData/>
  </xdr:twoCellAnchor>
  <xdr:twoCellAnchor>
    <xdr:from>
      <xdr:col>3</xdr:col>
      <xdr:colOff>514349</xdr:colOff>
      <xdr:row>21</xdr:row>
      <xdr:rowOff>38100</xdr:rowOff>
    </xdr:from>
    <xdr:to>
      <xdr:col>3</xdr:col>
      <xdr:colOff>771524</xdr:colOff>
      <xdr:row>21</xdr:row>
      <xdr:rowOff>228600</xdr:rowOff>
    </xdr:to>
    <xdr:sp macro="" textlink="">
      <xdr:nvSpPr>
        <xdr:cNvPr id="103" name="Rectángulo 102">
          <a:extLst>
            <a:ext uri="{FF2B5EF4-FFF2-40B4-BE49-F238E27FC236}">
              <a16:creationId xmlns:a16="http://schemas.microsoft.com/office/drawing/2014/main" id="{927B94CD-4385-4282-816E-1CD826D4F4A0}"/>
            </a:ext>
          </a:extLst>
        </xdr:cNvPr>
        <xdr:cNvSpPr/>
      </xdr:nvSpPr>
      <xdr:spPr>
        <a:xfrm>
          <a:off x="2543174" y="5238750"/>
          <a:ext cx="257175" cy="1905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1000" b="1"/>
            <a:t>I</a:t>
          </a:r>
        </a:p>
      </xdr:txBody>
    </xdr:sp>
    <xdr:clientData/>
  </xdr:twoCellAnchor>
  <xdr:twoCellAnchor>
    <xdr:from>
      <xdr:col>3</xdr:col>
      <xdr:colOff>25310</xdr:colOff>
      <xdr:row>29</xdr:row>
      <xdr:rowOff>25757</xdr:rowOff>
    </xdr:from>
    <xdr:to>
      <xdr:col>3</xdr:col>
      <xdr:colOff>228018</xdr:colOff>
      <xdr:row>29</xdr:row>
      <xdr:rowOff>159107</xdr:rowOff>
    </xdr:to>
    <xdr:sp macro="" textlink="">
      <xdr:nvSpPr>
        <xdr:cNvPr id="104" name="Rectángulo 103">
          <a:extLst>
            <a:ext uri="{FF2B5EF4-FFF2-40B4-BE49-F238E27FC236}">
              <a16:creationId xmlns:a16="http://schemas.microsoft.com/office/drawing/2014/main" id="{471BAB79-D9C3-47D8-BA2F-51EA2DBEE2C4}"/>
            </a:ext>
          </a:extLst>
        </xdr:cNvPr>
        <xdr:cNvSpPr/>
      </xdr:nvSpPr>
      <xdr:spPr>
        <a:xfrm>
          <a:off x="2054135" y="6759932"/>
          <a:ext cx="202708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5</xdr:col>
      <xdr:colOff>160985</xdr:colOff>
      <xdr:row>29</xdr:row>
      <xdr:rowOff>25757</xdr:rowOff>
    </xdr:from>
    <xdr:to>
      <xdr:col>5</xdr:col>
      <xdr:colOff>363916</xdr:colOff>
      <xdr:row>29</xdr:row>
      <xdr:rowOff>159107</xdr:rowOff>
    </xdr:to>
    <xdr:sp macro="" textlink="">
      <xdr:nvSpPr>
        <xdr:cNvPr id="105" name="Rectángulo 104">
          <a:extLst>
            <a:ext uri="{FF2B5EF4-FFF2-40B4-BE49-F238E27FC236}">
              <a16:creationId xmlns:a16="http://schemas.microsoft.com/office/drawing/2014/main" id="{BD2AF600-F1A9-44E0-B797-649232C09ECE}"/>
            </a:ext>
          </a:extLst>
        </xdr:cNvPr>
        <xdr:cNvSpPr/>
      </xdr:nvSpPr>
      <xdr:spPr>
        <a:xfrm>
          <a:off x="3618560" y="6759932"/>
          <a:ext cx="202931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7</xdr:col>
      <xdr:colOff>165501</xdr:colOff>
      <xdr:row>29</xdr:row>
      <xdr:rowOff>29288</xdr:rowOff>
    </xdr:from>
    <xdr:to>
      <xdr:col>7</xdr:col>
      <xdr:colOff>368210</xdr:colOff>
      <xdr:row>29</xdr:row>
      <xdr:rowOff>162639</xdr:rowOff>
    </xdr:to>
    <xdr:sp macro="" textlink="">
      <xdr:nvSpPr>
        <xdr:cNvPr id="106" name="Rectángulo 105">
          <a:extLst>
            <a:ext uri="{FF2B5EF4-FFF2-40B4-BE49-F238E27FC236}">
              <a16:creationId xmlns:a16="http://schemas.microsoft.com/office/drawing/2014/main" id="{AA8374E1-2F69-4009-A4CA-457F1DFBA109}"/>
            </a:ext>
          </a:extLst>
        </xdr:cNvPr>
        <xdr:cNvSpPr/>
      </xdr:nvSpPr>
      <xdr:spPr>
        <a:xfrm>
          <a:off x="5223276" y="6763463"/>
          <a:ext cx="202709" cy="133351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1</xdr:col>
      <xdr:colOff>358775</xdr:colOff>
      <xdr:row>4</xdr:row>
      <xdr:rowOff>187324</xdr:rowOff>
    </xdr:from>
    <xdr:to>
      <xdr:col>4</xdr:col>
      <xdr:colOff>485775</xdr:colOff>
      <xdr:row>4</xdr:row>
      <xdr:rowOff>454025</xdr:rowOff>
    </xdr:to>
    <xdr:sp macro="" textlink="">
      <xdr:nvSpPr>
        <xdr:cNvPr id="110" name="Rectángulo 109">
          <a:extLst>
            <a:ext uri="{FF2B5EF4-FFF2-40B4-BE49-F238E27FC236}">
              <a16:creationId xmlns:a16="http://schemas.microsoft.com/office/drawing/2014/main" id="{6D33A5E2-255A-42AC-BAA1-D9C9D05D4953}"/>
            </a:ext>
          </a:extLst>
        </xdr:cNvPr>
        <xdr:cNvSpPr/>
      </xdr:nvSpPr>
      <xdr:spPr>
        <a:xfrm>
          <a:off x="777875" y="815974"/>
          <a:ext cx="2574925" cy="266701"/>
        </a:xfrm>
        <a:prstGeom prst="rect">
          <a:avLst/>
        </a:prstGeom>
        <a:ln>
          <a:solidFill>
            <a:schemeClr val="bg1">
              <a:lumMod val="85000"/>
            </a:schemeClr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endParaRPr lang="es-CO" sz="1000" b="1">
            <a:solidFill>
              <a:schemeClr val="bg1">
                <a:lumMod val="65000"/>
              </a:schemeClr>
            </a:solidFill>
          </a:endParaRPr>
        </a:p>
      </xdr:txBody>
    </xdr:sp>
    <xdr:clientData/>
  </xdr:twoCellAnchor>
  <xdr:twoCellAnchor>
    <xdr:from>
      <xdr:col>6</xdr:col>
      <xdr:colOff>511488</xdr:colOff>
      <xdr:row>10</xdr:row>
      <xdr:rowOff>59968</xdr:rowOff>
    </xdr:from>
    <xdr:to>
      <xdr:col>7</xdr:col>
      <xdr:colOff>178113</xdr:colOff>
      <xdr:row>10</xdr:row>
      <xdr:rowOff>317143</xdr:rowOff>
    </xdr:to>
    <xdr:sp macro="" textlink="">
      <xdr:nvSpPr>
        <xdr:cNvPr id="111" name="Rectángulo 110">
          <a:extLst>
            <a:ext uri="{FF2B5EF4-FFF2-40B4-BE49-F238E27FC236}">
              <a16:creationId xmlns:a16="http://schemas.microsoft.com/office/drawing/2014/main" id="{4C6FC8D6-50AD-4B58-92F1-1E17C84F50DA}"/>
            </a:ext>
          </a:extLst>
        </xdr:cNvPr>
        <xdr:cNvSpPr/>
      </xdr:nvSpPr>
      <xdr:spPr>
        <a:xfrm>
          <a:off x="4807263" y="2955568"/>
          <a:ext cx="428625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3</xdr:col>
      <xdr:colOff>686957</xdr:colOff>
      <xdr:row>15</xdr:row>
      <xdr:rowOff>18528</xdr:rowOff>
    </xdr:from>
    <xdr:to>
      <xdr:col>4</xdr:col>
      <xdr:colOff>43965</xdr:colOff>
      <xdr:row>15</xdr:row>
      <xdr:rowOff>151878</xdr:rowOff>
    </xdr:to>
    <xdr:sp macro="" textlink="">
      <xdr:nvSpPr>
        <xdr:cNvPr id="113" name="Rectángulo 112">
          <a:extLst>
            <a:ext uri="{FF2B5EF4-FFF2-40B4-BE49-F238E27FC236}">
              <a16:creationId xmlns:a16="http://schemas.microsoft.com/office/drawing/2014/main" id="{DCB5541D-5C23-4B91-AF28-6F4D4180F3AE}"/>
            </a:ext>
          </a:extLst>
        </xdr:cNvPr>
        <xdr:cNvSpPr/>
      </xdr:nvSpPr>
      <xdr:spPr>
        <a:xfrm>
          <a:off x="2715782" y="4123803"/>
          <a:ext cx="195208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5</xdr:col>
      <xdr:colOff>514231</xdr:colOff>
      <xdr:row>15</xdr:row>
      <xdr:rowOff>18032</xdr:rowOff>
    </xdr:from>
    <xdr:to>
      <xdr:col>5</xdr:col>
      <xdr:colOff>714256</xdr:colOff>
      <xdr:row>15</xdr:row>
      <xdr:rowOff>151382</xdr:rowOff>
    </xdr:to>
    <xdr:sp macro="" textlink="">
      <xdr:nvSpPr>
        <xdr:cNvPr id="114" name="Rectángulo 113">
          <a:extLst>
            <a:ext uri="{FF2B5EF4-FFF2-40B4-BE49-F238E27FC236}">
              <a16:creationId xmlns:a16="http://schemas.microsoft.com/office/drawing/2014/main" id="{39995F6E-EC63-4A60-8A11-779581712659}"/>
            </a:ext>
          </a:extLst>
        </xdr:cNvPr>
        <xdr:cNvSpPr/>
      </xdr:nvSpPr>
      <xdr:spPr>
        <a:xfrm>
          <a:off x="3971806" y="4123307"/>
          <a:ext cx="200025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2</xdr:col>
      <xdr:colOff>214648</xdr:colOff>
      <xdr:row>18</xdr:row>
      <xdr:rowOff>20123</xdr:rowOff>
    </xdr:from>
    <xdr:to>
      <xdr:col>2</xdr:col>
      <xdr:colOff>386232</xdr:colOff>
      <xdr:row>18</xdr:row>
      <xdr:rowOff>182181</xdr:rowOff>
    </xdr:to>
    <xdr:sp macro="" textlink="">
      <xdr:nvSpPr>
        <xdr:cNvPr id="115" name="Rectángulo 114">
          <a:extLst>
            <a:ext uri="{FF2B5EF4-FFF2-40B4-BE49-F238E27FC236}">
              <a16:creationId xmlns:a16="http://schemas.microsoft.com/office/drawing/2014/main" id="{929E59C1-80B7-49C9-97EB-9F0835C848FB}"/>
            </a:ext>
          </a:extLst>
        </xdr:cNvPr>
        <xdr:cNvSpPr/>
      </xdr:nvSpPr>
      <xdr:spPr>
        <a:xfrm>
          <a:off x="1005223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x</a:t>
          </a:r>
        </a:p>
      </xdr:txBody>
    </xdr:sp>
    <xdr:clientData/>
  </xdr:twoCellAnchor>
  <xdr:twoCellAnchor>
    <xdr:from>
      <xdr:col>2</xdr:col>
      <xdr:colOff>422588</xdr:colOff>
      <xdr:row>18</xdr:row>
      <xdr:rowOff>20124</xdr:rowOff>
    </xdr:from>
    <xdr:to>
      <xdr:col>2</xdr:col>
      <xdr:colOff>594172</xdr:colOff>
      <xdr:row>18</xdr:row>
      <xdr:rowOff>182182</xdr:rowOff>
    </xdr:to>
    <xdr:sp macro="" textlink="">
      <xdr:nvSpPr>
        <xdr:cNvPr id="116" name="Rectángulo 115">
          <a:extLst>
            <a:ext uri="{FF2B5EF4-FFF2-40B4-BE49-F238E27FC236}">
              <a16:creationId xmlns:a16="http://schemas.microsoft.com/office/drawing/2014/main" id="{6BE357B0-7C05-4C15-8A81-8D7280DD793C}"/>
            </a:ext>
          </a:extLst>
        </xdr:cNvPr>
        <xdr:cNvSpPr/>
      </xdr:nvSpPr>
      <xdr:spPr>
        <a:xfrm>
          <a:off x="1213163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x</a:t>
          </a:r>
        </a:p>
      </xdr:txBody>
    </xdr:sp>
    <xdr:clientData/>
  </xdr:twoCellAnchor>
  <xdr:twoCellAnchor>
    <xdr:from>
      <xdr:col>2</xdr:col>
      <xdr:colOff>630528</xdr:colOff>
      <xdr:row>18</xdr:row>
      <xdr:rowOff>20123</xdr:rowOff>
    </xdr:from>
    <xdr:to>
      <xdr:col>2</xdr:col>
      <xdr:colOff>802112</xdr:colOff>
      <xdr:row>18</xdr:row>
      <xdr:rowOff>182181</xdr:rowOff>
    </xdr:to>
    <xdr:sp macro="" textlink="">
      <xdr:nvSpPr>
        <xdr:cNvPr id="117" name="Rectángulo 116">
          <a:extLst>
            <a:ext uri="{FF2B5EF4-FFF2-40B4-BE49-F238E27FC236}">
              <a16:creationId xmlns:a16="http://schemas.microsoft.com/office/drawing/2014/main" id="{E176BBDF-D602-4E12-BAD3-8F732D352911}"/>
            </a:ext>
          </a:extLst>
        </xdr:cNvPr>
        <xdr:cNvSpPr/>
      </xdr:nvSpPr>
      <xdr:spPr>
        <a:xfrm>
          <a:off x="1421103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x</a:t>
          </a:r>
        </a:p>
      </xdr:txBody>
    </xdr:sp>
    <xdr:clientData/>
  </xdr:twoCellAnchor>
  <xdr:twoCellAnchor>
    <xdr:from>
      <xdr:col>2</xdr:col>
      <xdr:colOff>838469</xdr:colOff>
      <xdr:row>18</xdr:row>
      <xdr:rowOff>20124</xdr:rowOff>
    </xdr:from>
    <xdr:to>
      <xdr:col>2</xdr:col>
      <xdr:colOff>1010053</xdr:colOff>
      <xdr:row>18</xdr:row>
      <xdr:rowOff>182182</xdr:rowOff>
    </xdr:to>
    <xdr:sp macro="" textlink="">
      <xdr:nvSpPr>
        <xdr:cNvPr id="118" name="Rectángulo 117">
          <a:extLst>
            <a:ext uri="{FF2B5EF4-FFF2-40B4-BE49-F238E27FC236}">
              <a16:creationId xmlns:a16="http://schemas.microsoft.com/office/drawing/2014/main" id="{67E5C7A8-E6B8-4E3E-A858-D36F2DCF2DDE}"/>
            </a:ext>
          </a:extLst>
        </xdr:cNvPr>
        <xdr:cNvSpPr/>
      </xdr:nvSpPr>
      <xdr:spPr>
        <a:xfrm>
          <a:off x="1629044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x</a:t>
          </a:r>
        </a:p>
      </xdr:txBody>
    </xdr:sp>
    <xdr:clientData/>
  </xdr:twoCellAnchor>
  <xdr:twoCellAnchor>
    <xdr:from>
      <xdr:col>2</xdr:col>
      <xdr:colOff>1046407</xdr:colOff>
      <xdr:row>18</xdr:row>
      <xdr:rowOff>20124</xdr:rowOff>
    </xdr:from>
    <xdr:to>
      <xdr:col>2</xdr:col>
      <xdr:colOff>1217991</xdr:colOff>
      <xdr:row>18</xdr:row>
      <xdr:rowOff>182182</xdr:rowOff>
    </xdr:to>
    <xdr:sp macro="" textlink="">
      <xdr:nvSpPr>
        <xdr:cNvPr id="119" name="Rectángulo 118">
          <a:extLst>
            <a:ext uri="{FF2B5EF4-FFF2-40B4-BE49-F238E27FC236}">
              <a16:creationId xmlns:a16="http://schemas.microsoft.com/office/drawing/2014/main" id="{1293150A-6760-4ADF-A3FE-D3C875CEC639}"/>
            </a:ext>
          </a:extLst>
        </xdr:cNvPr>
        <xdr:cNvSpPr/>
      </xdr:nvSpPr>
      <xdr:spPr>
        <a:xfrm>
          <a:off x="1836982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x</a:t>
          </a:r>
        </a:p>
      </xdr:txBody>
    </xdr:sp>
    <xdr:clientData/>
  </xdr:twoCellAnchor>
  <xdr:twoCellAnchor>
    <xdr:from>
      <xdr:col>3</xdr:col>
      <xdr:colOff>13414</xdr:colOff>
      <xdr:row>18</xdr:row>
      <xdr:rowOff>20124</xdr:rowOff>
    </xdr:from>
    <xdr:to>
      <xdr:col>3</xdr:col>
      <xdr:colOff>184998</xdr:colOff>
      <xdr:row>18</xdr:row>
      <xdr:rowOff>182182</xdr:rowOff>
    </xdr:to>
    <xdr:sp macro="" textlink="">
      <xdr:nvSpPr>
        <xdr:cNvPr id="120" name="Rectángulo 119">
          <a:extLst>
            <a:ext uri="{FF2B5EF4-FFF2-40B4-BE49-F238E27FC236}">
              <a16:creationId xmlns:a16="http://schemas.microsoft.com/office/drawing/2014/main" id="{8F2F66EB-644D-41F6-9DE4-45CF7C6D1554}"/>
            </a:ext>
          </a:extLst>
        </xdr:cNvPr>
        <xdr:cNvSpPr/>
      </xdr:nvSpPr>
      <xdr:spPr>
        <a:xfrm>
          <a:off x="2042239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x</a:t>
          </a:r>
        </a:p>
      </xdr:txBody>
    </xdr:sp>
    <xdr:clientData/>
  </xdr:twoCellAnchor>
  <xdr:twoCellAnchor>
    <xdr:from>
      <xdr:col>3</xdr:col>
      <xdr:colOff>221356</xdr:colOff>
      <xdr:row>18</xdr:row>
      <xdr:rowOff>20123</xdr:rowOff>
    </xdr:from>
    <xdr:to>
      <xdr:col>3</xdr:col>
      <xdr:colOff>392940</xdr:colOff>
      <xdr:row>18</xdr:row>
      <xdr:rowOff>182181</xdr:rowOff>
    </xdr:to>
    <xdr:sp macro="" textlink="">
      <xdr:nvSpPr>
        <xdr:cNvPr id="121" name="Rectángulo 120">
          <a:extLst>
            <a:ext uri="{FF2B5EF4-FFF2-40B4-BE49-F238E27FC236}">
              <a16:creationId xmlns:a16="http://schemas.microsoft.com/office/drawing/2014/main" id="{17605570-5E02-42A4-960B-84620A91E0E5}"/>
            </a:ext>
          </a:extLst>
        </xdr:cNvPr>
        <xdr:cNvSpPr/>
      </xdr:nvSpPr>
      <xdr:spPr>
        <a:xfrm>
          <a:off x="2250181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8</a:t>
          </a:r>
        </a:p>
      </xdr:txBody>
    </xdr:sp>
    <xdr:clientData/>
  </xdr:twoCellAnchor>
  <xdr:twoCellAnchor>
    <xdr:from>
      <xdr:col>2</xdr:col>
      <xdr:colOff>201233</xdr:colOff>
      <xdr:row>19</xdr:row>
      <xdr:rowOff>26831</xdr:rowOff>
    </xdr:from>
    <xdr:to>
      <xdr:col>2</xdr:col>
      <xdr:colOff>372817</xdr:colOff>
      <xdr:row>19</xdr:row>
      <xdr:rowOff>188889</xdr:rowOff>
    </xdr:to>
    <xdr:sp macro="" textlink="">
      <xdr:nvSpPr>
        <xdr:cNvPr id="122" name="Rectángulo 121">
          <a:extLst>
            <a:ext uri="{FF2B5EF4-FFF2-40B4-BE49-F238E27FC236}">
              <a16:creationId xmlns:a16="http://schemas.microsoft.com/office/drawing/2014/main" id="{A55A4B13-9ED2-4F49-BA09-407E19A76643}"/>
            </a:ext>
          </a:extLst>
        </xdr:cNvPr>
        <xdr:cNvSpPr/>
      </xdr:nvSpPr>
      <xdr:spPr>
        <a:xfrm>
          <a:off x="991808" y="4846481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1</a:t>
          </a:r>
        </a:p>
      </xdr:txBody>
    </xdr:sp>
    <xdr:clientData/>
  </xdr:twoCellAnchor>
  <xdr:twoCellAnchor>
    <xdr:from>
      <xdr:col>2</xdr:col>
      <xdr:colOff>415881</xdr:colOff>
      <xdr:row>19</xdr:row>
      <xdr:rowOff>26830</xdr:rowOff>
    </xdr:from>
    <xdr:to>
      <xdr:col>2</xdr:col>
      <xdr:colOff>587465</xdr:colOff>
      <xdr:row>19</xdr:row>
      <xdr:rowOff>188888</xdr:rowOff>
    </xdr:to>
    <xdr:sp macro="" textlink="">
      <xdr:nvSpPr>
        <xdr:cNvPr id="123" name="Rectángulo 122">
          <a:extLst>
            <a:ext uri="{FF2B5EF4-FFF2-40B4-BE49-F238E27FC236}">
              <a16:creationId xmlns:a16="http://schemas.microsoft.com/office/drawing/2014/main" id="{CB3E4FB5-EE8D-4906-A781-D392245692AC}"/>
            </a:ext>
          </a:extLst>
        </xdr:cNvPr>
        <xdr:cNvSpPr/>
      </xdr:nvSpPr>
      <xdr:spPr>
        <a:xfrm>
          <a:off x="1206456" y="4846480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2</a:t>
          </a:r>
        </a:p>
      </xdr:txBody>
    </xdr:sp>
    <xdr:clientData/>
  </xdr:twoCellAnchor>
  <xdr:twoCellAnchor>
    <xdr:from>
      <xdr:col>3</xdr:col>
      <xdr:colOff>819150</xdr:colOff>
      <xdr:row>21</xdr:row>
      <xdr:rowOff>38100</xdr:rowOff>
    </xdr:from>
    <xdr:to>
      <xdr:col>4</xdr:col>
      <xdr:colOff>247650</xdr:colOff>
      <xdr:row>21</xdr:row>
      <xdr:rowOff>228600</xdr:rowOff>
    </xdr:to>
    <xdr:sp macro="" textlink="">
      <xdr:nvSpPr>
        <xdr:cNvPr id="125" name="Rectángulo 124">
          <a:extLst>
            <a:ext uri="{FF2B5EF4-FFF2-40B4-BE49-F238E27FC236}">
              <a16:creationId xmlns:a16="http://schemas.microsoft.com/office/drawing/2014/main" id="{545079C6-4B8D-47AD-BC48-182428CA267C}"/>
            </a:ext>
          </a:extLst>
        </xdr:cNvPr>
        <xdr:cNvSpPr/>
      </xdr:nvSpPr>
      <xdr:spPr>
        <a:xfrm>
          <a:off x="2847975" y="5238750"/>
          <a:ext cx="266700" cy="1905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1000" b="1"/>
            <a:t>II</a:t>
          </a:r>
        </a:p>
      </xdr:txBody>
    </xdr:sp>
    <xdr:clientData/>
  </xdr:twoCellAnchor>
  <xdr:twoCellAnchor>
    <xdr:from>
      <xdr:col>3</xdr:col>
      <xdr:colOff>438150</xdr:colOff>
      <xdr:row>7</xdr:row>
      <xdr:rowOff>57150</xdr:rowOff>
    </xdr:from>
    <xdr:to>
      <xdr:col>3</xdr:col>
      <xdr:colOff>644525</xdr:colOff>
      <xdr:row>7</xdr:row>
      <xdr:rowOff>244475</xdr:rowOff>
    </xdr:to>
    <xdr:sp macro="" textlink="">
      <xdr:nvSpPr>
        <xdr:cNvPr id="126" name="Rectángulo 125">
          <a:extLst>
            <a:ext uri="{FF2B5EF4-FFF2-40B4-BE49-F238E27FC236}">
              <a16:creationId xmlns:a16="http://schemas.microsoft.com/office/drawing/2014/main" id="{B894C8F0-FE7B-4059-A39E-46B484B91040}"/>
            </a:ext>
          </a:extLst>
        </xdr:cNvPr>
        <xdr:cNvSpPr/>
      </xdr:nvSpPr>
      <xdr:spPr>
        <a:xfrm>
          <a:off x="2466975" y="1905000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4</xdr:col>
      <xdr:colOff>581025</xdr:colOff>
      <xdr:row>7</xdr:row>
      <xdr:rowOff>57150</xdr:rowOff>
    </xdr:from>
    <xdr:to>
      <xdr:col>5</xdr:col>
      <xdr:colOff>196850</xdr:colOff>
      <xdr:row>7</xdr:row>
      <xdr:rowOff>244475</xdr:rowOff>
    </xdr:to>
    <xdr:sp macro="" textlink="">
      <xdr:nvSpPr>
        <xdr:cNvPr id="127" name="Rectángulo 126">
          <a:extLst>
            <a:ext uri="{FF2B5EF4-FFF2-40B4-BE49-F238E27FC236}">
              <a16:creationId xmlns:a16="http://schemas.microsoft.com/office/drawing/2014/main" id="{4F24F027-607D-4751-AE37-8C834A570EFE}"/>
            </a:ext>
          </a:extLst>
        </xdr:cNvPr>
        <xdr:cNvSpPr/>
      </xdr:nvSpPr>
      <xdr:spPr>
        <a:xfrm>
          <a:off x="3448050" y="1905000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</xdr:wsDr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AC17912-3FB5-4832-AB51-83014A3E91F2}">
  <dimension ref="A2:O37"/>
  <sheetViews>
    <sheetView tabSelected="1" topLeftCell="A7" workbookViewId="0">
      <selection activeCell="O31" sqref="O31"/>
    </sheetView>
  </sheetViews>
  <sheetFormatPr baseColWidth="10" defaultRowHeight="12" x14ac:dyDescent="0.2"/>
  <cols>
    <col min="1" max="1" width="6.28515625" style="1" customWidth="1"/>
    <col min="2" max="2" width="5.5703125" style="1" customWidth="1"/>
    <col min="3" max="3" width="18.5703125" style="1" customWidth="1"/>
    <col min="4" max="4" width="12.5703125" style="1" customWidth="1"/>
    <col min="5" max="5" width="8.85546875" style="1" customWidth="1"/>
    <col min="6" max="6" width="12.5703125" style="1" customWidth="1"/>
    <col min="7" max="7" width="11.42578125" style="1"/>
    <col min="8" max="8" width="5.5703125" style="1" customWidth="1"/>
    <col min="9" max="9" width="3.7109375" style="1" customWidth="1"/>
    <col min="10" max="12" width="11.42578125" style="1"/>
    <col min="13" max="13" width="7" style="1" customWidth="1"/>
    <col min="14" max="16384" width="11.42578125" style="1"/>
  </cols>
  <sheetData>
    <row r="2" spans="1:9" ht="15" x14ac:dyDescent="0.2">
      <c r="C2" s="31" t="s">
        <v>0</v>
      </c>
      <c r="D2" s="31"/>
      <c r="E2" s="31"/>
      <c r="F2" s="31"/>
      <c r="G2" s="31"/>
      <c r="H2" s="31"/>
      <c r="I2" s="31"/>
    </row>
    <row r="3" spans="1:9" ht="12.75" x14ac:dyDescent="0.2">
      <c r="D3" s="2"/>
    </row>
    <row r="4" spans="1:9" ht="10.5" customHeight="1" thickBot="1" x14ac:dyDescent="0.25"/>
    <row r="5" spans="1:9" ht="40.5" customHeight="1" thickBot="1" x14ac:dyDescent="0.25">
      <c r="A5" s="32" t="s">
        <v>1</v>
      </c>
      <c r="B5" s="33"/>
      <c r="C5" s="34"/>
      <c r="D5" s="34"/>
      <c r="E5" s="35"/>
      <c r="F5" s="3" t="s">
        <v>2</v>
      </c>
      <c r="G5" s="4"/>
      <c r="H5" s="4"/>
      <c r="I5" s="5"/>
    </row>
    <row r="6" spans="1:9" ht="29.25" customHeight="1" thickBot="1" x14ac:dyDescent="0.25">
      <c r="A6" s="36" t="s">
        <v>3</v>
      </c>
      <c r="B6" s="37"/>
      <c r="C6" s="38" t="s">
        <v>37</v>
      </c>
      <c r="D6" s="38"/>
      <c r="E6" s="39"/>
      <c r="F6" s="6" t="s">
        <v>4</v>
      </c>
      <c r="G6" s="40">
        <v>3192439877</v>
      </c>
      <c r="H6" s="40"/>
      <c r="I6" s="41"/>
    </row>
    <row r="7" spans="1:9" ht="26.25" customHeight="1" thickBot="1" x14ac:dyDescent="0.25">
      <c r="A7" s="42" t="s">
        <v>38</v>
      </c>
      <c r="B7" s="43"/>
      <c r="C7" s="43"/>
      <c r="D7" s="43"/>
      <c r="E7" s="43"/>
      <c r="F7" s="7" t="s">
        <v>5</v>
      </c>
      <c r="G7" s="8" t="s">
        <v>39</v>
      </c>
      <c r="H7" s="8"/>
      <c r="I7" s="9"/>
    </row>
    <row r="8" spans="1:9" ht="25.5" customHeight="1" thickBot="1" x14ac:dyDescent="0.25">
      <c r="A8" s="44" t="s">
        <v>6</v>
      </c>
      <c r="B8" s="45"/>
      <c r="C8" s="45"/>
      <c r="D8" s="45"/>
      <c r="E8" s="45"/>
      <c r="F8" s="46"/>
      <c r="G8" s="46"/>
      <c r="H8" s="46"/>
      <c r="I8" s="47"/>
    </row>
    <row r="9" spans="1:9" ht="28.5" customHeight="1" thickBot="1" x14ac:dyDescent="0.25">
      <c r="A9" s="48" t="s">
        <v>7</v>
      </c>
      <c r="B9" s="49"/>
      <c r="C9" s="39" t="s">
        <v>40</v>
      </c>
      <c r="D9" s="50"/>
      <c r="E9" s="50"/>
      <c r="F9" s="51" t="s">
        <v>41</v>
      </c>
      <c r="G9" s="51"/>
      <c r="H9" s="51"/>
      <c r="I9" s="51"/>
    </row>
    <row r="10" spans="1:9" ht="28.5" customHeight="1" thickBot="1" x14ac:dyDescent="0.25">
      <c r="A10" s="44" t="s">
        <v>8</v>
      </c>
      <c r="B10" s="45"/>
      <c r="C10" s="45"/>
      <c r="D10" s="45"/>
      <c r="E10" s="52"/>
      <c r="F10" s="8" t="s">
        <v>9</v>
      </c>
      <c r="G10" s="10"/>
      <c r="H10" s="10"/>
      <c r="I10" s="11"/>
    </row>
    <row r="11" spans="1:9" ht="28.5" customHeight="1" thickBot="1" x14ac:dyDescent="0.25">
      <c r="A11" s="28" t="s">
        <v>10</v>
      </c>
      <c r="B11" s="29"/>
      <c r="C11" s="29"/>
      <c r="D11" s="29"/>
      <c r="E11" s="29"/>
      <c r="F11" s="29"/>
      <c r="G11" s="29"/>
      <c r="H11" s="29"/>
      <c r="I11" s="30"/>
    </row>
    <row r="12" spans="1:9" ht="24" customHeight="1" thickBot="1" x14ac:dyDescent="0.25">
      <c r="A12" s="12" t="s">
        <v>11</v>
      </c>
      <c r="B12" s="53" t="s">
        <v>12</v>
      </c>
      <c r="C12" s="54"/>
      <c r="D12" s="54"/>
      <c r="E12" s="54"/>
      <c r="F12" s="55"/>
      <c r="G12" s="56" t="s">
        <v>13</v>
      </c>
      <c r="H12" s="57"/>
      <c r="I12" s="58"/>
    </row>
    <row r="13" spans="1:9" s="14" customFormat="1" ht="14.25" customHeight="1" x14ac:dyDescent="0.25">
      <c r="A13" s="13">
        <v>1</v>
      </c>
      <c r="B13" s="59" t="s">
        <v>14</v>
      </c>
      <c r="C13" s="60"/>
      <c r="D13" s="60"/>
      <c r="E13" s="60"/>
      <c r="F13" s="61"/>
      <c r="G13" s="62"/>
      <c r="H13" s="62"/>
      <c r="I13" s="63"/>
    </row>
    <row r="14" spans="1:9" s="14" customFormat="1" ht="14.25" customHeight="1" x14ac:dyDescent="0.25">
      <c r="A14" s="15">
        <v>2</v>
      </c>
      <c r="B14" s="64" t="s">
        <v>15</v>
      </c>
      <c r="C14" s="65"/>
      <c r="D14" s="65"/>
      <c r="E14" s="65"/>
      <c r="F14" s="66"/>
      <c r="G14" s="67"/>
      <c r="H14" s="67"/>
      <c r="I14" s="68"/>
    </row>
    <row r="15" spans="1:9" s="14" customFormat="1" ht="14.25" customHeight="1" x14ac:dyDescent="0.25">
      <c r="A15" s="15">
        <v>3</v>
      </c>
      <c r="B15" s="64" t="s">
        <v>16</v>
      </c>
      <c r="C15" s="65"/>
      <c r="D15" s="65"/>
      <c r="E15" s="65"/>
      <c r="F15" s="66"/>
      <c r="G15" s="67"/>
      <c r="H15" s="67"/>
      <c r="I15" s="68"/>
    </row>
    <row r="16" spans="1:9" s="14" customFormat="1" ht="14.25" customHeight="1" x14ac:dyDescent="0.25">
      <c r="A16" s="15">
        <v>4</v>
      </c>
      <c r="B16" s="64" t="s">
        <v>17</v>
      </c>
      <c r="C16" s="65"/>
      <c r="D16" s="65"/>
      <c r="E16" s="65"/>
      <c r="F16" s="66"/>
      <c r="G16" s="67"/>
      <c r="H16" s="67"/>
      <c r="I16" s="68"/>
    </row>
    <row r="17" spans="1:15" s="14" customFormat="1" ht="14.25" customHeight="1" x14ac:dyDescent="0.25">
      <c r="A17" s="15">
        <v>5</v>
      </c>
      <c r="B17" s="64" t="s">
        <v>18</v>
      </c>
      <c r="C17" s="65"/>
      <c r="D17" s="65"/>
      <c r="E17" s="65"/>
      <c r="F17" s="66"/>
      <c r="G17" s="67"/>
      <c r="H17" s="67"/>
      <c r="I17" s="68"/>
    </row>
    <row r="18" spans="1:15" s="14" customFormat="1" ht="12.75" customHeight="1" x14ac:dyDescent="0.25">
      <c r="A18" s="69">
        <v>6</v>
      </c>
      <c r="B18" s="72" t="s">
        <v>19</v>
      </c>
      <c r="C18" s="73"/>
      <c r="D18" s="73"/>
      <c r="E18" s="73"/>
      <c r="F18" s="73"/>
      <c r="G18" s="74"/>
      <c r="H18" s="74"/>
      <c r="I18" s="75"/>
    </row>
    <row r="19" spans="1:15" s="14" customFormat="1" ht="15" customHeight="1" x14ac:dyDescent="0.25">
      <c r="A19" s="70"/>
      <c r="B19" s="16" t="s">
        <v>20</v>
      </c>
      <c r="C19" s="17"/>
      <c r="D19" s="17"/>
      <c r="E19" s="17"/>
      <c r="F19" s="17"/>
      <c r="G19" s="76" t="s">
        <v>36</v>
      </c>
      <c r="H19" s="77"/>
      <c r="I19" s="78"/>
    </row>
    <row r="20" spans="1:15" s="14" customFormat="1" ht="16.5" customHeight="1" x14ac:dyDescent="0.25">
      <c r="A20" s="71"/>
      <c r="B20" s="18" t="s">
        <v>21</v>
      </c>
      <c r="C20" s="19"/>
      <c r="D20" s="19"/>
      <c r="E20" s="19"/>
      <c r="F20" s="19"/>
      <c r="G20" s="79"/>
      <c r="H20" s="80"/>
      <c r="I20" s="81"/>
    </row>
    <row r="21" spans="1:15" s="14" customFormat="1" ht="13.5" customHeight="1" x14ac:dyDescent="0.25">
      <c r="A21" s="82">
        <v>7</v>
      </c>
      <c r="B21" s="84" t="s">
        <v>22</v>
      </c>
      <c r="C21" s="85"/>
      <c r="D21" s="85"/>
      <c r="E21" s="85"/>
      <c r="F21" s="86"/>
      <c r="G21" s="76"/>
      <c r="H21" s="77"/>
      <c r="I21" s="78"/>
    </row>
    <row r="22" spans="1:15" s="14" customFormat="1" ht="21" customHeight="1" x14ac:dyDescent="0.25">
      <c r="A22" s="83"/>
      <c r="B22" s="20"/>
      <c r="C22" s="87" t="s">
        <v>23</v>
      </c>
      <c r="D22" s="87"/>
      <c r="E22" s="87"/>
      <c r="F22" s="88"/>
      <c r="G22" s="79"/>
      <c r="H22" s="80"/>
      <c r="I22" s="81"/>
    </row>
    <row r="23" spans="1:15" s="14" customFormat="1" ht="14.25" customHeight="1" x14ac:dyDescent="0.25">
      <c r="A23" s="15">
        <v>8</v>
      </c>
      <c r="B23" s="59" t="s">
        <v>24</v>
      </c>
      <c r="C23" s="60"/>
      <c r="D23" s="60"/>
      <c r="E23" s="60"/>
      <c r="F23" s="61"/>
      <c r="G23" s="67"/>
      <c r="H23" s="67"/>
      <c r="I23" s="68"/>
    </row>
    <row r="24" spans="1:15" s="14" customFormat="1" ht="14.25" customHeight="1" x14ac:dyDescent="0.25">
      <c r="A24" s="15">
        <v>9</v>
      </c>
      <c r="B24" s="64" t="s">
        <v>25</v>
      </c>
      <c r="C24" s="65"/>
      <c r="D24" s="65"/>
      <c r="E24" s="65"/>
      <c r="F24" s="66"/>
      <c r="G24" s="67"/>
      <c r="H24" s="67"/>
      <c r="I24" s="68"/>
    </row>
    <row r="25" spans="1:15" s="14" customFormat="1" ht="14.25" customHeight="1" x14ac:dyDescent="0.25">
      <c r="A25" s="15">
        <v>10</v>
      </c>
      <c r="B25" s="64" t="s">
        <v>26</v>
      </c>
      <c r="C25" s="65"/>
      <c r="D25" s="65"/>
      <c r="E25" s="65"/>
      <c r="F25" s="66"/>
      <c r="G25" s="67"/>
      <c r="H25" s="67"/>
      <c r="I25" s="68"/>
    </row>
    <row r="26" spans="1:15" s="14" customFormat="1" ht="14.25" customHeight="1" x14ac:dyDescent="0.25">
      <c r="A26" s="15">
        <v>11</v>
      </c>
      <c r="B26" s="64" t="s">
        <v>27</v>
      </c>
      <c r="C26" s="65"/>
      <c r="D26" s="65"/>
      <c r="E26" s="65"/>
      <c r="F26" s="66"/>
      <c r="G26" s="67"/>
      <c r="H26" s="67"/>
      <c r="I26" s="68"/>
    </row>
    <row r="27" spans="1:15" s="14" customFormat="1" ht="14.25" customHeight="1" x14ac:dyDescent="0.25">
      <c r="A27" s="15">
        <v>12</v>
      </c>
      <c r="B27" s="64" t="s">
        <v>28</v>
      </c>
      <c r="C27" s="65"/>
      <c r="D27" s="65"/>
      <c r="E27" s="65"/>
      <c r="F27" s="66"/>
      <c r="G27" s="67"/>
      <c r="H27" s="67"/>
      <c r="I27" s="68"/>
    </row>
    <row r="28" spans="1:15" s="14" customFormat="1" ht="14.25" customHeight="1" x14ac:dyDescent="0.25">
      <c r="A28" s="15">
        <v>13</v>
      </c>
      <c r="B28" s="64" t="s">
        <v>29</v>
      </c>
      <c r="C28" s="65"/>
      <c r="D28" s="65"/>
      <c r="E28" s="65"/>
      <c r="F28" s="66"/>
      <c r="G28" s="67"/>
      <c r="H28" s="67"/>
      <c r="I28" s="68"/>
    </row>
    <row r="29" spans="1:15" s="14" customFormat="1" ht="14.25" customHeight="1" x14ac:dyDescent="0.25">
      <c r="A29" s="15">
        <v>14</v>
      </c>
      <c r="B29" s="64" t="s">
        <v>30</v>
      </c>
      <c r="C29" s="65"/>
      <c r="D29" s="65"/>
      <c r="E29" s="65"/>
      <c r="F29" s="66"/>
      <c r="G29" s="67"/>
      <c r="H29" s="67"/>
      <c r="I29" s="68"/>
      <c r="M29" s="21"/>
      <c r="N29" s="22"/>
      <c r="O29" s="22"/>
    </row>
    <row r="30" spans="1:15" s="14" customFormat="1" ht="14.25" customHeight="1" x14ac:dyDescent="0.25">
      <c r="A30" s="15">
        <v>15</v>
      </c>
      <c r="B30" s="64" t="s">
        <v>31</v>
      </c>
      <c r="C30" s="65"/>
      <c r="D30" s="65"/>
      <c r="E30" s="65"/>
      <c r="F30" s="65"/>
      <c r="G30" s="65"/>
      <c r="H30" s="65"/>
      <c r="I30" s="90"/>
    </row>
    <row r="31" spans="1:15" s="14" customFormat="1" ht="14.25" customHeight="1" x14ac:dyDescent="0.25">
      <c r="A31" s="15">
        <v>16</v>
      </c>
      <c r="B31" s="64" t="s">
        <v>32</v>
      </c>
      <c r="C31" s="65"/>
      <c r="D31" s="65"/>
      <c r="E31" s="65"/>
      <c r="F31" s="66"/>
      <c r="G31" s="67"/>
      <c r="H31" s="67"/>
      <c r="I31" s="68"/>
    </row>
    <row r="32" spans="1:15" s="14" customFormat="1" ht="14.25" customHeight="1" x14ac:dyDescent="0.25">
      <c r="A32" s="26">
        <v>17</v>
      </c>
      <c r="B32" s="64" t="s">
        <v>33</v>
      </c>
      <c r="C32" s="65"/>
      <c r="D32" s="65"/>
      <c r="E32" s="65"/>
      <c r="F32" s="66"/>
      <c r="G32" s="74"/>
      <c r="H32" s="74"/>
      <c r="I32" s="75"/>
    </row>
    <row r="33" spans="1:10" s="14" customFormat="1" ht="6" customHeight="1" x14ac:dyDescent="0.25">
      <c r="A33" s="27"/>
      <c r="B33" s="17"/>
      <c r="C33" s="17"/>
      <c r="D33" s="17"/>
      <c r="E33" s="17"/>
      <c r="F33" s="17"/>
      <c r="G33" s="27"/>
      <c r="H33" s="27"/>
      <c r="I33" s="27"/>
    </row>
    <row r="34" spans="1:10" s="14" customFormat="1" ht="52.5" customHeight="1" x14ac:dyDescent="0.25">
      <c r="A34" s="91" t="s">
        <v>42</v>
      </c>
      <c r="B34" s="92"/>
      <c r="C34" s="92"/>
      <c r="D34" s="92"/>
      <c r="E34" s="92"/>
      <c r="F34" s="92"/>
      <c r="G34" s="92"/>
      <c r="H34" s="92"/>
      <c r="I34" s="93"/>
    </row>
    <row r="35" spans="1:10" ht="15" customHeight="1" x14ac:dyDescent="0.2"/>
    <row r="36" spans="1:10" ht="19.5" customHeight="1" x14ac:dyDescent="0.2">
      <c r="A36" s="23" t="s">
        <v>34</v>
      </c>
      <c r="B36" s="23"/>
      <c r="C36" s="24"/>
      <c r="D36" s="24"/>
      <c r="E36" s="24"/>
      <c r="F36" s="24"/>
      <c r="G36" s="24"/>
      <c r="H36" s="24"/>
      <c r="I36" s="24"/>
      <c r="J36" s="25"/>
    </row>
    <row r="37" spans="1:10" ht="25.5" customHeight="1" x14ac:dyDescent="0.2">
      <c r="A37" s="89" t="s">
        <v>35</v>
      </c>
      <c r="B37" s="89"/>
      <c r="C37" s="89"/>
      <c r="D37" s="89"/>
      <c r="E37" s="89"/>
      <c r="F37" s="89"/>
      <c r="G37" s="89"/>
      <c r="H37" s="89"/>
      <c r="I37" s="89"/>
      <c r="J37" s="25"/>
    </row>
  </sheetData>
  <mergeCells count="53">
    <mergeCell ref="A34:I34"/>
    <mergeCell ref="A37:I37"/>
    <mergeCell ref="B29:F29"/>
    <mergeCell ref="G29:I29"/>
    <mergeCell ref="B30:I30"/>
    <mergeCell ref="B31:F31"/>
    <mergeCell ref="G31:I31"/>
    <mergeCell ref="B32:F32"/>
    <mergeCell ref="G32:I32"/>
    <mergeCell ref="B26:F26"/>
    <mergeCell ref="G26:I26"/>
    <mergeCell ref="B27:F27"/>
    <mergeCell ref="G27:I27"/>
    <mergeCell ref="B28:F28"/>
    <mergeCell ref="G28:I28"/>
    <mergeCell ref="B23:F23"/>
    <mergeCell ref="G23:I23"/>
    <mergeCell ref="B24:F24"/>
    <mergeCell ref="G24:I24"/>
    <mergeCell ref="B25:F25"/>
    <mergeCell ref="G25:I25"/>
    <mergeCell ref="A18:A20"/>
    <mergeCell ref="B18:F18"/>
    <mergeCell ref="G18:I18"/>
    <mergeCell ref="G19:I20"/>
    <mergeCell ref="A21:A22"/>
    <mergeCell ref="B21:F21"/>
    <mergeCell ref="G21:I22"/>
    <mergeCell ref="C22:F22"/>
    <mergeCell ref="B15:F15"/>
    <mergeCell ref="G15:I15"/>
    <mergeCell ref="B16:F16"/>
    <mergeCell ref="G16:I16"/>
    <mergeCell ref="B17:F17"/>
    <mergeCell ref="G17:I17"/>
    <mergeCell ref="B12:F12"/>
    <mergeCell ref="G12:I12"/>
    <mergeCell ref="B13:F13"/>
    <mergeCell ref="G13:I13"/>
    <mergeCell ref="B14:F14"/>
    <mergeCell ref="G14:I14"/>
    <mergeCell ref="A11:I11"/>
    <mergeCell ref="C2:I2"/>
    <mergeCell ref="A5:E5"/>
    <mergeCell ref="A6:B6"/>
    <mergeCell ref="C6:E6"/>
    <mergeCell ref="G6:I6"/>
    <mergeCell ref="A7:E7"/>
    <mergeCell ref="A8:I8"/>
    <mergeCell ref="A9:B9"/>
    <mergeCell ref="C9:E9"/>
    <mergeCell ref="F9:I9"/>
    <mergeCell ref="A10:E10"/>
  </mergeCells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Hoja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iana Emilce Mondragon Rodriguez</dc:creator>
  <cp:lastModifiedBy>Martinez Fajardo, Ricardo</cp:lastModifiedBy>
  <cp:lastPrinted>2019-08-14T15:38:55Z</cp:lastPrinted>
  <dcterms:created xsi:type="dcterms:W3CDTF">2019-08-14T15:36:06Z</dcterms:created>
  <dcterms:modified xsi:type="dcterms:W3CDTF">2021-06-01T13:33:52Z</dcterms:modified>
</cp:coreProperties>
</file>